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theme/theme2.xml" ContentType="application/vnd.openxmlformats-officedocument.theme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theme/theme3.xml" ContentType="application/vnd.openxmlformats-officedocument.theme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theme/theme4.xml" ContentType="application/vnd.openxmlformats-officedocument.theme+xml"/>
  <Override PartName="/ppt/theme/themeOverride1.xml" ContentType="application/vnd.openxmlformats-officedocument.themeOverride+xml"/>
  <Override PartName="/ppt/theme/themeOverride2.xml" ContentType="application/vnd.openxmlformats-officedocument.themeOverrid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  <p:sldMasterId id="2147483688" r:id="rId2"/>
    <p:sldMasterId id="2147483723" r:id="rId3"/>
    <p:sldMasterId id="2147483735" r:id="rId4"/>
  </p:sldMasterIdLst>
  <p:notesMasterIdLst>
    <p:notesMasterId r:id="rId21"/>
  </p:notesMasterIdLst>
  <p:sldIdLst>
    <p:sldId id="257" r:id="rId5"/>
    <p:sldId id="258" r:id="rId6"/>
    <p:sldId id="1979422029" r:id="rId7"/>
    <p:sldId id="1979422028" r:id="rId8"/>
    <p:sldId id="1979422030" r:id="rId9"/>
    <p:sldId id="1979422027" r:id="rId10"/>
    <p:sldId id="372" r:id="rId11"/>
    <p:sldId id="1979422026" r:id="rId12"/>
    <p:sldId id="270" r:id="rId13"/>
    <p:sldId id="1979422031" r:id="rId14"/>
    <p:sldId id="1979422032" r:id="rId15"/>
    <p:sldId id="1979422033" r:id="rId16"/>
    <p:sldId id="259" r:id="rId17"/>
    <p:sldId id="1979422034" r:id="rId18"/>
    <p:sldId id="1979422035" r:id="rId19"/>
    <p:sldId id="1979422036" r:id="rId20"/>
  </p:sldIdLst>
  <p:sldSz cx="12192000" cy="6858000"/>
  <p:notesSz cx="6858000" cy="9144000"/>
  <p:defaultTextStyle>
    <a:defPPr>
      <a:defRPr lang="en-US"/>
    </a:defPPr>
    <a:lvl1pPr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1pPr>
    <a:lvl2pPr marL="4572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2pPr>
    <a:lvl3pPr marL="9144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3pPr>
    <a:lvl4pPr marL="13716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4pPr>
    <a:lvl5pPr marL="18288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5pPr>
    <a:lvl6pPr marL="22860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6pPr>
    <a:lvl7pPr marL="27432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7pPr>
    <a:lvl8pPr marL="32004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8pPr>
    <a:lvl9pPr marL="36576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82D0C7D-D426-0F4C-8680-22192FC871A5}" v="76" dt="2020-03-04T03:42:39.79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280"/>
    <p:restoredTop sz="96327"/>
  </p:normalViewPr>
  <p:slideViewPr>
    <p:cSldViewPr snapToGrid="0" snapToObjects="1">
      <p:cViewPr>
        <p:scale>
          <a:sx n="119" d="100"/>
          <a:sy n="119" d="100"/>
        </p:scale>
        <p:origin x="808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microsoft.com/office/2016/11/relationships/changesInfo" Target="changesInfos/changesInfo1.xml"/><Relationship Id="rId3" Type="http://schemas.openxmlformats.org/officeDocument/2006/relationships/slideMaster" Target="slideMasters/slideMaster3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presProps" Target="presProps.xml"/><Relationship Id="rId27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Frank Tan (qutan)" userId="1cc8c1fc-bfb1-4b23-ae96-de603ddcbe90" providerId="ADAL" clId="{E82D0C7D-D426-0F4C-8680-22192FC871A5}"/>
    <pc:docChg chg="undo custSel addSld delSld modSld sldOrd">
      <pc:chgData name="Frank Tan (qutan)" userId="1cc8c1fc-bfb1-4b23-ae96-de603ddcbe90" providerId="ADAL" clId="{E82D0C7D-D426-0F4C-8680-22192FC871A5}" dt="2020-03-04T04:29:04.076" v="1554" actId="20577"/>
      <pc:docMkLst>
        <pc:docMk/>
      </pc:docMkLst>
      <pc:sldChg chg="modSp">
        <pc:chgData name="Frank Tan (qutan)" userId="1cc8c1fc-bfb1-4b23-ae96-de603ddcbe90" providerId="ADAL" clId="{E82D0C7D-D426-0F4C-8680-22192FC871A5}" dt="2020-03-03T14:26:34.309" v="725" actId="20577"/>
        <pc:sldMkLst>
          <pc:docMk/>
          <pc:sldMk cId="2193831592" sldId="257"/>
        </pc:sldMkLst>
        <pc:spChg chg="mod">
          <ac:chgData name="Frank Tan (qutan)" userId="1cc8c1fc-bfb1-4b23-ae96-de603ddcbe90" providerId="ADAL" clId="{E82D0C7D-D426-0F4C-8680-22192FC871A5}" dt="2020-03-03T08:24:19.350" v="375" actId="20577"/>
          <ac:spMkLst>
            <pc:docMk/>
            <pc:sldMk cId="2193831592" sldId="257"/>
            <ac:spMk id="5" creationId="{690C8D39-1DA4-1A4F-96EE-E5E97F0772CC}"/>
          </ac:spMkLst>
        </pc:spChg>
        <pc:spChg chg="mod">
          <ac:chgData name="Frank Tan (qutan)" userId="1cc8c1fc-bfb1-4b23-ae96-de603ddcbe90" providerId="ADAL" clId="{E82D0C7D-D426-0F4C-8680-22192FC871A5}" dt="2020-03-03T14:26:34.309" v="725" actId="20577"/>
          <ac:spMkLst>
            <pc:docMk/>
            <pc:sldMk cId="2193831592" sldId="257"/>
            <ac:spMk id="6" creationId="{BB6D2400-87FB-3B4D-861A-B277F028C9D3}"/>
          </ac:spMkLst>
        </pc:spChg>
      </pc:sldChg>
      <pc:sldChg chg="modSp">
        <pc:chgData name="Frank Tan (qutan)" userId="1cc8c1fc-bfb1-4b23-ae96-de603ddcbe90" providerId="ADAL" clId="{E82D0C7D-D426-0F4C-8680-22192FC871A5}" dt="2020-03-03T13:56:43.890" v="530" actId="20577"/>
        <pc:sldMkLst>
          <pc:docMk/>
          <pc:sldMk cId="666991905" sldId="258"/>
        </pc:sldMkLst>
        <pc:spChg chg="mod">
          <ac:chgData name="Frank Tan (qutan)" userId="1cc8c1fc-bfb1-4b23-ae96-de603ddcbe90" providerId="ADAL" clId="{E82D0C7D-D426-0F4C-8680-22192FC871A5}" dt="2020-03-03T13:56:43.890" v="530" actId="20577"/>
          <ac:spMkLst>
            <pc:docMk/>
            <pc:sldMk cId="666991905" sldId="258"/>
            <ac:spMk id="6" creationId="{2ECACC77-877A-934F-88DA-C325D964C959}"/>
          </ac:spMkLst>
        </pc:spChg>
      </pc:sldChg>
      <pc:sldChg chg="addSp delSp modSp add">
        <pc:chgData name="Frank Tan (qutan)" userId="1cc8c1fc-bfb1-4b23-ae96-de603ddcbe90" providerId="ADAL" clId="{E82D0C7D-D426-0F4C-8680-22192FC871A5}" dt="2020-03-04T04:29:04.076" v="1554" actId="20577"/>
        <pc:sldMkLst>
          <pc:docMk/>
          <pc:sldMk cId="1678497070" sldId="259"/>
        </pc:sldMkLst>
        <pc:spChg chg="del">
          <ac:chgData name="Frank Tan (qutan)" userId="1cc8c1fc-bfb1-4b23-ae96-de603ddcbe90" providerId="ADAL" clId="{E82D0C7D-D426-0F4C-8680-22192FC871A5}" dt="2020-03-02T01:37:12.817" v="1"/>
          <ac:spMkLst>
            <pc:docMk/>
            <pc:sldMk cId="1678497070" sldId="259"/>
            <ac:spMk id="2" creationId="{98497646-81EC-AD47-814C-440D2EB027C8}"/>
          </ac:spMkLst>
        </pc:spChg>
        <pc:spChg chg="del">
          <ac:chgData name="Frank Tan (qutan)" userId="1cc8c1fc-bfb1-4b23-ae96-de603ddcbe90" providerId="ADAL" clId="{E82D0C7D-D426-0F4C-8680-22192FC871A5}" dt="2020-03-02T01:37:12.817" v="1"/>
          <ac:spMkLst>
            <pc:docMk/>
            <pc:sldMk cId="1678497070" sldId="259"/>
            <ac:spMk id="3" creationId="{422F4965-845E-434F-947B-5FC00A5DD28D}"/>
          </ac:spMkLst>
        </pc:spChg>
        <pc:spChg chg="add mod">
          <ac:chgData name="Frank Tan (qutan)" userId="1cc8c1fc-bfb1-4b23-ae96-de603ddcbe90" providerId="ADAL" clId="{E82D0C7D-D426-0F4C-8680-22192FC871A5}" dt="2020-03-03T15:29:12.706" v="965" actId="20577"/>
          <ac:spMkLst>
            <pc:docMk/>
            <pc:sldMk cId="1678497070" sldId="259"/>
            <ac:spMk id="4" creationId="{01873631-AB3B-614B-8FAF-9FD9E568D296}"/>
          </ac:spMkLst>
        </pc:spChg>
        <pc:spChg chg="add mod">
          <ac:chgData name="Frank Tan (qutan)" userId="1cc8c1fc-bfb1-4b23-ae96-de603ddcbe90" providerId="ADAL" clId="{E82D0C7D-D426-0F4C-8680-22192FC871A5}" dt="2020-03-04T04:29:04.076" v="1554" actId="20577"/>
          <ac:spMkLst>
            <pc:docMk/>
            <pc:sldMk cId="1678497070" sldId="259"/>
            <ac:spMk id="5" creationId="{F6E92F25-9E02-054A-AEB1-51C42833A78B}"/>
          </ac:spMkLst>
        </pc:spChg>
        <pc:spChg chg="add mod">
          <ac:chgData name="Frank Tan (qutan)" userId="1cc8c1fc-bfb1-4b23-ae96-de603ddcbe90" providerId="ADAL" clId="{E82D0C7D-D426-0F4C-8680-22192FC871A5}" dt="2020-03-04T03:52:16.113" v="1553" actId="20577"/>
          <ac:spMkLst>
            <pc:docMk/>
            <pc:sldMk cId="1678497070" sldId="259"/>
            <ac:spMk id="6" creationId="{FA28D516-52BB-7245-B346-234658F7194E}"/>
          </ac:spMkLst>
        </pc:spChg>
        <pc:spChg chg="add mod">
          <ac:chgData name="Frank Tan (qutan)" userId="1cc8c1fc-bfb1-4b23-ae96-de603ddcbe90" providerId="ADAL" clId="{E82D0C7D-D426-0F4C-8680-22192FC871A5}" dt="2020-03-04T03:28:32.498" v="1498" actId="1076"/>
          <ac:spMkLst>
            <pc:docMk/>
            <pc:sldMk cId="1678497070" sldId="259"/>
            <ac:spMk id="7" creationId="{BA5B504A-AB14-0745-B4F5-986694534DAA}"/>
          </ac:spMkLst>
        </pc:spChg>
      </pc:sldChg>
      <pc:sldChg chg="add del">
        <pc:chgData name="Frank Tan (qutan)" userId="1cc8c1fc-bfb1-4b23-ae96-de603ddcbe90" providerId="ADAL" clId="{E82D0C7D-D426-0F4C-8680-22192FC871A5}" dt="2020-03-03T03:33:43.470" v="335"/>
        <pc:sldMkLst>
          <pc:docMk/>
          <pc:sldMk cId="1110015569" sldId="270"/>
        </pc:sldMkLst>
      </pc:sldChg>
      <pc:sldChg chg="addSp delSp modSp add">
        <pc:chgData name="Frank Tan (qutan)" userId="1cc8c1fc-bfb1-4b23-ae96-de603ddcbe90" providerId="ADAL" clId="{E82D0C7D-D426-0F4C-8680-22192FC871A5}" dt="2020-03-03T08:21:30.097" v="339" actId="1076"/>
        <pc:sldMkLst>
          <pc:docMk/>
          <pc:sldMk cId="2568989341" sldId="270"/>
        </pc:sldMkLst>
        <pc:spChg chg="del">
          <ac:chgData name="Frank Tan (qutan)" userId="1cc8c1fc-bfb1-4b23-ae96-de603ddcbe90" providerId="ADAL" clId="{E82D0C7D-D426-0F4C-8680-22192FC871A5}" dt="2020-03-03T08:21:21.429" v="337" actId="478"/>
          <ac:spMkLst>
            <pc:docMk/>
            <pc:sldMk cId="2568989341" sldId="270"/>
            <ac:spMk id="3" creationId="{1112FC0A-22E1-BC43-AD32-6098752778CF}"/>
          </ac:spMkLst>
        </pc:spChg>
        <pc:spChg chg="add mod">
          <ac:chgData name="Frank Tan (qutan)" userId="1cc8c1fc-bfb1-4b23-ae96-de603ddcbe90" providerId="ADAL" clId="{E82D0C7D-D426-0F4C-8680-22192FC871A5}" dt="2020-03-03T08:21:30.097" v="339" actId="1076"/>
          <ac:spMkLst>
            <pc:docMk/>
            <pc:sldMk cId="2568989341" sldId="270"/>
            <ac:spMk id="66" creationId="{7CE43320-0A0B-8348-B5AE-AF41CF3B7FA4}"/>
          </ac:spMkLst>
        </pc:spChg>
        <pc:spChg chg="add mod">
          <ac:chgData name="Frank Tan (qutan)" userId="1cc8c1fc-bfb1-4b23-ae96-de603ddcbe90" providerId="ADAL" clId="{E82D0C7D-D426-0F4C-8680-22192FC871A5}" dt="2020-03-03T08:21:30.097" v="339" actId="1076"/>
          <ac:spMkLst>
            <pc:docMk/>
            <pc:sldMk cId="2568989341" sldId="270"/>
            <ac:spMk id="67" creationId="{94E8D1D1-0B21-FB45-8961-36C6355A5F8C}"/>
          </ac:spMkLst>
        </pc:spChg>
        <pc:spChg chg="del">
          <ac:chgData name="Frank Tan (qutan)" userId="1cc8c1fc-bfb1-4b23-ae96-de603ddcbe90" providerId="ADAL" clId="{E82D0C7D-D426-0F4C-8680-22192FC871A5}" dt="2020-03-03T08:21:21.429" v="337" actId="478"/>
          <ac:spMkLst>
            <pc:docMk/>
            <pc:sldMk cId="2568989341" sldId="270"/>
            <ac:spMk id="103" creationId="{5E6EBC44-43E2-4347-9E1B-C4EF34B58F36}"/>
          </ac:spMkLst>
        </pc:spChg>
      </pc:sldChg>
      <pc:sldChg chg="modSp add">
        <pc:chgData name="Frank Tan (qutan)" userId="1cc8c1fc-bfb1-4b23-ae96-de603ddcbe90" providerId="ADAL" clId="{E82D0C7D-D426-0F4C-8680-22192FC871A5}" dt="2020-03-03T08:45:04.032" v="376"/>
        <pc:sldMkLst>
          <pc:docMk/>
          <pc:sldMk cId="3235864492" sldId="372"/>
        </pc:sldMkLst>
        <pc:spChg chg="mod">
          <ac:chgData name="Frank Tan (qutan)" userId="1cc8c1fc-bfb1-4b23-ae96-de603ddcbe90" providerId="ADAL" clId="{E82D0C7D-D426-0F4C-8680-22192FC871A5}" dt="2020-03-03T08:45:04.032" v="376"/>
          <ac:spMkLst>
            <pc:docMk/>
            <pc:sldMk cId="3235864492" sldId="372"/>
            <ac:spMk id="2" creationId="{EFE2DC34-F825-2948-B0AB-508501875812}"/>
          </ac:spMkLst>
        </pc:spChg>
      </pc:sldChg>
      <pc:sldChg chg="add del">
        <pc:chgData name="Frank Tan (qutan)" userId="1cc8c1fc-bfb1-4b23-ae96-de603ddcbe90" providerId="ADAL" clId="{E82D0C7D-D426-0F4C-8680-22192FC871A5}" dt="2020-03-03T03:33:43.470" v="335"/>
        <pc:sldMkLst>
          <pc:docMk/>
          <pc:sldMk cId="3542515518" sldId="372"/>
        </pc:sldMkLst>
      </pc:sldChg>
      <pc:sldChg chg="add del">
        <pc:chgData name="Frank Tan (qutan)" userId="1cc8c1fc-bfb1-4b23-ae96-de603ddcbe90" providerId="ADAL" clId="{E82D0C7D-D426-0F4C-8680-22192FC871A5}" dt="2020-03-03T03:33:43.470" v="335"/>
        <pc:sldMkLst>
          <pc:docMk/>
          <pc:sldMk cId="1612714520" sldId="1979422026"/>
        </pc:sldMkLst>
      </pc:sldChg>
      <pc:sldChg chg="add">
        <pc:chgData name="Frank Tan (qutan)" userId="1cc8c1fc-bfb1-4b23-ae96-de603ddcbe90" providerId="ADAL" clId="{E82D0C7D-D426-0F4C-8680-22192FC871A5}" dt="2020-03-03T03:33:43.639" v="336"/>
        <pc:sldMkLst>
          <pc:docMk/>
          <pc:sldMk cId="1725059048" sldId="1979422026"/>
        </pc:sldMkLst>
      </pc:sldChg>
      <pc:sldChg chg="addSp delSp modSp add">
        <pc:chgData name="Frank Tan (qutan)" userId="1cc8c1fc-bfb1-4b23-ae96-de603ddcbe90" providerId="ADAL" clId="{E82D0C7D-D426-0F4C-8680-22192FC871A5}" dt="2020-03-03T08:22:02.442" v="364" actId="20577"/>
        <pc:sldMkLst>
          <pc:docMk/>
          <pc:sldMk cId="3225929323" sldId="1979422027"/>
        </pc:sldMkLst>
        <pc:spChg chg="del">
          <ac:chgData name="Frank Tan (qutan)" userId="1cc8c1fc-bfb1-4b23-ae96-de603ddcbe90" providerId="ADAL" clId="{E82D0C7D-D426-0F4C-8680-22192FC871A5}" dt="2020-03-03T08:21:54.578" v="342"/>
          <ac:spMkLst>
            <pc:docMk/>
            <pc:sldMk cId="3225929323" sldId="1979422027"/>
            <ac:spMk id="2" creationId="{0A03745F-184C-234A-AC9D-9D600530EFCF}"/>
          </ac:spMkLst>
        </pc:spChg>
        <pc:spChg chg="del">
          <ac:chgData name="Frank Tan (qutan)" userId="1cc8c1fc-bfb1-4b23-ae96-de603ddcbe90" providerId="ADAL" clId="{E82D0C7D-D426-0F4C-8680-22192FC871A5}" dt="2020-03-03T08:21:54.578" v="342"/>
          <ac:spMkLst>
            <pc:docMk/>
            <pc:sldMk cId="3225929323" sldId="1979422027"/>
            <ac:spMk id="3" creationId="{4960F959-7F7E-8347-A710-78E6842FFC9C}"/>
          </ac:spMkLst>
        </pc:spChg>
        <pc:spChg chg="add mod">
          <ac:chgData name="Frank Tan (qutan)" userId="1cc8c1fc-bfb1-4b23-ae96-de603ddcbe90" providerId="ADAL" clId="{E82D0C7D-D426-0F4C-8680-22192FC871A5}" dt="2020-03-03T08:22:02.442" v="364" actId="20577"/>
          <ac:spMkLst>
            <pc:docMk/>
            <pc:sldMk cId="3225929323" sldId="1979422027"/>
            <ac:spMk id="4" creationId="{D891410B-5DD0-BE4F-B12F-737A13614620}"/>
          </ac:spMkLst>
        </pc:spChg>
      </pc:sldChg>
      <pc:sldChg chg="addSp delSp modSp add ord">
        <pc:chgData name="Frank Tan (qutan)" userId="1cc8c1fc-bfb1-4b23-ae96-de603ddcbe90" providerId="ADAL" clId="{E82D0C7D-D426-0F4C-8680-22192FC871A5}" dt="2020-03-04T03:42:53.460" v="1502" actId="1076"/>
        <pc:sldMkLst>
          <pc:docMk/>
          <pc:sldMk cId="3264067555" sldId="1979422028"/>
        </pc:sldMkLst>
        <pc:spChg chg="del">
          <ac:chgData name="Frank Tan (qutan)" userId="1cc8c1fc-bfb1-4b23-ae96-de603ddcbe90" providerId="ADAL" clId="{E82D0C7D-D426-0F4C-8680-22192FC871A5}" dt="2020-03-03T08:45:32.411" v="378" actId="478"/>
          <ac:spMkLst>
            <pc:docMk/>
            <pc:sldMk cId="3264067555" sldId="1979422028"/>
            <ac:spMk id="2" creationId="{3B22EE9F-35C2-AB42-A780-BA91BBA18F03}"/>
          </ac:spMkLst>
        </pc:spChg>
        <pc:spChg chg="add mod">
          <ac:chgData name="Frank Tan (qutan)" userId="1cc8c1fc-bfb1-4b23-ae96-de603ddcbe90" providerId="ADAL" clId="{E82D0C7D-D426-0F4C-8680-22192FC871A5}" dt="2020-03-03T10:08:25.586" v="502" actId="1076"/>
          <ac:spMkLst>
            <pc:docMk/>
            <pc:sldMk cId="3264067555" sldId="1979422028"/>
            <ac:spMk id="5" creationId="{57E34D27-8542-234F-882C-02F6BFC5BBB9}"/>
          </ac:spMkLst>
        </pc:spChg>
        <pc:spChg chg="add del mod">
          <ac:chgData name="Frank Tan (qutan)" userId="1cc8c1fc-bfb1-4b23-ae96-de603ddcbe90" providerId="ADAL" clId="{E82D0C7D-D426-0F4C-8680-22192FC871A5}" dt="2020-03-03T09:31:12.097" v="411" actId="478"/>
          <ac:spMkLst>
            <pc:docMk/>
            <pc:sldMk cId="3264067555" sldId="1979422028"/>
            <ac:spMk id="6" creationId="{C936DD0A-B5B4-954C-BE3D-1F51E8E10B2D}"/>
          </ac:spMkLst>
        </pc:spChg>
        <pc:spChg chg="add del mod">
          <ac:chgData name="Frank Tan (qutan)" userId="1cc8c1fc-bfb1-4b23-ae96-de603ddcbe90" providerId="ADAL" clId="{E82D0C7D-D426-0F4C-8680-22192FC871A5}" dt="2020-03-03T09:59:24.774" v="453"/>
          <ac:spMkLst>
            <pc:docMk/>
            <pc:sldMk cId="3264067555" sldId="1979422028"/>
            <ac:spMk id="10" creationId="{2555F9CC-AB81-E04D-9F50-56E13EC1E5F6}"/>
          </ac:spMkLst>
        </pc:spChg>
        <pc:spChg chg="add del mod">
          <ac:chgData name="Frank Tan (qutan)" userId="1cc8c1fc-bfb1-4b23-ae96-de603ddcbe90" providerId="ADAL" clId="{E82D0C7D-D426-0F4C-8680-22192FC871A5}" dt="2020-03-03T09:59:24.774" v="453"/>
          <ac:spMkLst>
            <pc:docMk/>
            <pc:sldMk cId="3264067555" sldId="1979422028"/>
            <ac:spMk id="11" creationId="{FD46A2BB-05B1-984E-951D-DCA635343D7A}"/>
          </ac:spMkLst>
        </pc:spChg>
        <pc:spChg chg="add del mod">
          <ac:chgData name="Frank Tan (qutan)" userId="1cc8c1fc-bfb1-4b23-ae96-de603ddcbe90" providerId="ADAL" clId="{E82D0C7D-D426-0F4C-8680-22192FC871A5}" dt="2020-03-03T10:08:21.712" v="501"/>
          <ac:spMkLst>
            <pc:docMk/>
            <pc:sldMk cId="3264067555" sldId="1979422028"/>
            <ac:spMk id="12" creationId="{1BCC8644-9CC1-6C42-AFBD-8629DCA8899B}"/>
          </ac:spMkLst>
        </pc:spChg>
        <pc:spChg chg="add del mod">
          <ac:chgData name="Frank Tan (qutan)" userId="1cc8c1fc-bfb1-4b23-ae96-de603ddcbe90" providerId="ADAL" clId="{E82D0C7D-D426-0F4C-8680-22192FC871A5}" dt="2020-03-03T14:16:21.643" v="717" actId="478"/>
          <ac:spMkLst>
            <pc:docMk/>
            <pc:sldMk cId="3264067555" sldId="1979422028"/>
            <ac:spMk id="13" creationId="{8343286B-78C2-2D4C-B32E-4B708DD6C6F8}"/>
          </ac:spMkLst>
        </pc:spChg>
        <pc:spChg chg="add del mod">
          <ac:chgData name="Frank Tan (qutan)" userId="1cc8c1fc-bfb1-4b23-ae96-de603ddcbe90" providerId="ADAL" clId="{E82D0C7D-D426-0F4C-8680-22192FC871A5}" dt="2020-03-03T14:16:21.643" v="717" actId="478"/>
          <ac:spMkLst>
            <pc:docMk/>
            <pc:sldMk cId="3264067555" sldId="1979422028"/>
            <ac:spMk id="14" creationId="{3DF0E5F2-455D-DD4B-B172-A7E56F65A79A}"/>
          </ac:spMkLst>
        </pc:spChg>
        <pc:spChg chg="add del mod">
          <ac:chgData name="Frank Tan (qutan)" userId="1cc8c1fc-bfb1-4b23-ae96-de603ddcbe90" providerId="ADAL" clId="{E82D0C7D-D426-0F4C-8680-22192FC871A5}" dt="2020-03-03T14:16:24.864" v="718"/>
          <ac:spMkLst>
            <pc:docMk/>
            <pc:sldMk cId="3264067555" sldId="1979422028"/>
            <ac:spMk id="15" creationId="{9C21F84C-12D2-164E-957C-D98FA5F0B67B}"/>
          </ac:spMkLst>
        </pc:spChg>
        <pc:spChg chg="add mod">
          <ac:chgData name="Frank Tan (qutan)" userId="1cc8c1fc-bfb1-4b23-ae96-de603ddcbe90" providerId="ADAL" clId="{E82D0C7D-D426-0F4C-8680-22192FC871A5}" dt="2020-03-03T14:16:24.864" v="718"/>
          <ac:spMkLst>
            <pc:docMk/>
            <pc:sldMk cId="3264067555" sldId="1979422028"/>
            <ac:spMk id="16" creationId="{F250FE03-3989-D240-BAE0-5FD084F61A97}"/>
          </ac:spMkLst>
        </pc:spChg>
        <pc:picChg chg="add del">
          <ac:chgData name="Frank Tan (qutan)" userId="1cc8c1fc-bfb1-4b23-ae96-de603ddcbe90" providerId="ADAL" clId="{E82D0C7D-D426-0F4C-8680-22192FC871A5}" dt="2020-03-03T08:45:51.565" v="380" actId="478"/>
          <ac:picMkLst>
            <pc:docMk/>
            <pc:sldMk cId="3264067555" sldId="1979422028"/>
            <ac:picMk id="3" creationId="{06050600-23C5-824D-B558-1679AF597D49}"/>
          </ac:picMkLst>
        </pc:picChg>
        <pc:picChg chg="add del mod">
          <ac:chgData name="Frank Tan (qutan)" userId="1cc8c1fc-bfb1-4b23-ae96-de603ddcbe90" providerId="ADAL" clId="{E82D0C7D-D426-0F4C-8680-22192FC871A5}" dt="2020-03-03T09:31:26.410" v="420" actId="478"/>
          <ac:picMkLst>
            <pc:docMk/>
            <pc:sldMk cId="3264067555" sldId="1979422028"/>
            <ac:picMk id="4" creationId="{D0857E3B-F35D-594C-9FE6-EF1B3D334D77}"/>
          </ac:picMkLst>
        </pc:picChg>
        <pc:picChg chg="add del mod">
          <ac:chgData name="Frank Tan (qutan)" userId="1cc8c1fc-bfb1-4b23-ae96-de603ddcbe90" providerId="ADAL" clId="{E82D0C7D-D426-0F4C-8680-22192FC871A5}" dt="2020-03-03T09:33:52.108" v="446" actId="478"/>
          <ac:picMkLst>
            <pc:docMk/>
            <pc:sldMk cId="3264067555" sldId="1979422028"/>
            <ac:picMk id="7" creationId="{24370C9B-4116-B04E-B54A-4DC575502527}"/>
          </ac:picMkLst>
        </pc:picChg>
        <pc:picChg chg="add del mod">
          <ac:chgData name="Frank Tan (qutan)" userId="1cc8c1fc-bfb1-4b23-ae96-de603ddcbe90" providerId="ADAL" clId="{E82D0C7D-D426-0F4C-8680-22192FC871A5}" dt="2020-03-03T09:34:17.995" v="449" actId="478"/>
          <ac:picMkLst>
            <pc:docMk/>
            <pc:sldMk cId="3264067555" sldId="1979422028"/>
            <ac:picMk id="8" creationId="{C6105280-6675-2E4F-8828-37C781FA7E5E}"/>
          </ac:picMkLst>
        </pc:picChg>
        <pc:picChg chg="add del mod">
          <ac:chgData name="Frank Tan (qutan)" userId="1cc8c1fc-bfb1-4b23-ae96-de603ddcbe90" providerId="ADAL" clId="{E82D0C7D-D426-0F4C-8680-22192FC871A5}" dt="2020-03-03T14:17:02.849" v="719" actId="478"/>
          <ac:picMkLst>
            <pc:docMk/>
            <pc:sldMk cId="3264067555" sldId="1979422028"/>
            <ac:picMk id="9" creationId="{1D06592B-BBB7-A549-A9E1-9C3FF1BFB6AF}"/>
          </ac:picMkLst>
        </pc:picChg>
        <pc:picChg chg="add del mod">
          <ac:chgData name="Frank Tan (qutan)" userId="1cc8c1fc-bfb1-4b23-ae96-de603ddcbe90" providerId="ADAL" clId="{E82D0C7D-D426-0F4C-8680-22192FC871A5}" dt="2020-03-04T03:41:41.374" v="1499" actId="478"/>
          <ac:picMkLst>
            <pc:docMk/>
            <pc:sldMk cId="3264067555" sldId="1979422028"/>
            <ac:picMk id="17" creationId="{B15634F1-8854-3549-B9C0-C0893C8D3C4A}"/>
          </ac:picMkLst>
        </pc:picChg>
        <pc:picChg chg="add mod">
          <ac:chgData name="Frank Tan (qutan)" userId="1cc8c1fc-bfb1-4b23-ae96-de603ddcbe90" providerId="ADAL" clId="{E82D0C7D-D426-0F4C-8680-22192FC871A5}" dt="2020-03-04T03:42:53.460" v="1502" actId="1076"/>
          <ac:picMkLst>
            <pc:docMk/>
            <pc:sldMk cId="3264067555" sldId="1979422028"/>
            <ac:picMk id="18" creationId="{FBDCF902-7D41-FA47-BA5E-706EE3A73E41}"/>
          </ac:picMkLst>
        </pc:picChg>
      </pc:sldChg>
      <pc:sldChg chg="add del">
        <pc:chgData name="Frank Tan (qutan)" userId="1cc8c1fc-bfb1-4b23-ae96-de603ddcbe90" providerId="ADAL" clId="{E82D0C7D-D426-0F4C-8680-22192FC871A5}" dt="2020-03-03T08:21:37.274" v="340" actId="2696"/>
        <pc:sldMkLst>
          <pc:docMk/>
          <pc:sldMk cId="1188311730" sldId="1979422029"/>
        </pc:sldMkLst>
      </pc:sldChg>
      <pc:sldChg chg="add del">
        <pc:chgData name="Frank Tan (qutan)" userId="1cc8c1fc-bfb1-4b23-ae96-de603ddcbe90" providerId="ADAL" clId="{E82D0C7D-D426-0F4C-8680-22192FC871A5}" dt="2020-03-03T03:33:43.470" v="335"/>
        <pc:sldMkLst>
          <pc:docMk/>
          <pc:sldMk cId="1818308294" sldId="1979422029"/>
        </pc:sldMkLst>
      </pc:sldChg>
      <pc:sldChg chg="modSp add ord">
        <pc:chgData name="Frank Tan (qutan)" userId="1cc8c1fc-bfb1-4b23-ae96-de603ddcbe90" providerId="ADAL" clId="{E82D0C7D-D426-0F4C-8680-22192FC871A5}" dt="2020-03-03T14:12:30.011" v="531"/>
        <pc:sldMkLst>
          <pc:docMk/>
          <pc:sldMk cId="3408564166" sldId="1979422029"/>
        </pc:sldMkLst>
        <pc:spChg chg="mod">
          <ac:chgData name="Frank Tan (qutan)" userId="1cc8c1fc-bfb1-4b23-ae96-de603ddcbe90" providerId="ADAL" clId="{E82D0C7D-D426-0F4C-8680-22192FC871A5}" dt="2020-03-03T09:30:17.675" v="399" actId="20577"/>
          <ac:spMkLst>
            <pc:docMk/>
            <pc:sldMk cId="3408564166" sldId="1979422029"/>
            <ac:spMk id="2" creationId="{71320CEF-A626-B14A-B5B7-331A0B41B1DD}"/>
          </ac:spMkLst>
        </pc:spChg>
      </pc:sldChg>
      <pc:sldChg chg="addSp modSp add">
        <pc:chgData name="Frank Tan (qutan)" userId="1cc8c1fc-bfb1-4b23-ae96-de603ddcbe90" providerId="ADAL" clId="{E82D0C7D-D426-0F4C-8680-22192FC871A5}" dt="2020-03-04T02:05:09.960" v="1425" actId="14100"/>
        <pc:sldMkLst>
          <pc:docMk/>
          <pc:sldMk cId="1899572075" sldId="1979422030"/>
        </pc:sldMkLst>
        <pc:spChg chg="mod">
          <ac:chgData name="Frank Tan (qutan)" userId="1cc8c1fc-bfb1-4b23-ae96-de603ddcbe90" providerId="ADAL" clId="{E82D0C7D-D426-0F4C-8680-22192FC871A5}" dt="2020-03-03T14:44:50.756" v="832" actId="1076"/>
          <ac:spMkLst>
            <pc:docMk/>
            <pc:sldMk cId="1899572075" sldId="1979422030"/>
            <ac:spMk id="2" creationId="{AEE31E3B-97AB-B842-8853-5D8D51771924}"/>
          </ac:spMkLst>
        </pc:spChg>
        <pc:spChg chg="mod">
          <ac:chgData name="Frank Tan (qutan)" userId="1cc8c1fc-bfb1-4b23-ae96-de603ddcbe90" providerId="ADAL" clId="{E82D0C7D-D426-0F4C-8680-22192FC871A5}" dt="2020-03-03T14:44:47.812" v="830" actId="1076"/>
          <ac:spMkLst>
            <pc:docMk/>
            <pc:sldMk cId="1899572075" sldId="1979422030"/>
            <ac:spMk id="3" creationId="{0F23AF0B-C080-2042-832D-2242A6ACA81D}"/>
          </ac:spMkLst>
        </pc:spChg>
        <pc:spChg chg="add mod">
          <ac:chgData name="Frank Tan (qutan)" userId="1cc8c1fc-bfb1-4b23-ae96-de603ddcbe90" providerId="ADAL" clId="{E82D0C7D-D426-0F4C-8680-22192FC871A5}" dt="2020-03-03T14:44:55.191" v="833" actId="1076"/>
          <ac:spMkLst>
            <pc:docMk/>
            <pc:sldMk cId="1899572075" sldId="1979422030"/>
            <ac:spMk id="4" creationId="{D192F036-DAAF-1640-A881-EF9860B51402}"/>
          </ac:spMkLst>
        </pc:spChg>
        <pc:spChg chg="add mod">
          <ac:chgData name="Frank Tan (qutan)" userId="1cc8c1fc-bfb1-4b23-ae96-de603ddcbe90" providerId="ADAL" clId="{E82D0C7D-D426-0F4C-8680-22192FC871A5}" dt="2020-03-04T02:05:09.960" v="1425" actId="14100"/>
          <ac:spMkLst>
            <pc:docMk/>
            <pc:sldMk cId="1899572075" sldId="1979422030"/>
            <ac:spMk id="5" creationId="{A99E1C86-579B-CB4D-A3F0-AF1B980B4DC3}"/>
          </ac:spMkLst>
        </pc:spChg>
      </pc:sldChg>
      <pc:sldChg chg="modSp add">
        <pc:chgData name="Frank Tan (qutan)" userId="1cc8c1fc-bfb1-4b23-ae96-de603ddcbe90" providerId="ADAL" clId="{E82D0C7D-D426-0F4C-8680-22192FC871A5}" dt="2020-03-03T15:15:43.565" v="872" actId="20577"/>
        <pc:sldMkLst>
          <pc:docMk/>
          <pc:sldMk cId="4260884072" sldId="1979422031"/>
        </pc:sldMkLst>
        <pc:spChg chg="mod">
          <ac:chgData name="Frank Tan (qutan)" userId="1cc8c1fc-bfb1-4b23-ae96-de603ddcbe90" providerId="ADAL" clId="{E82D0C7D-D426-0F4C-8680-22192FC871A5}" dt="2020-03-03T15:15:43.565" v="872" actId="20577"/>
          <ac:spMkLst>
            <pc:docMk/>
            <pc:sldMk cId="4260884072" sldId="1979422031"/>
            <ac:spMk id="4" creationId="{D891410B-5DD0-BE4F-B12F-737A13614620}"/>
          </ac:spMkLst>
        </pc:spChg>
      </pc:sldChg>
      <pc:sldChg chg="addSp delSp modSp add ord">
        <pc:chgData name="Frank Tan (qutan)" userId="1cc8c1fc-bfb1-4b23-ae96-de603ddcbe90" providerId="ADAL" clId="{E82D0C7D-D426-0F4C-8680-22192FC871A5}" dt="2020-03-03T15:27:25.066" v="964" actId="20577"/>
        <pc:sldMkLst>
          <pc:docMk/>
          <pc:sldMk cId="2621188994" sldId="1979422032"/>
        </pc:sldMkLst>
        <pc:spChg chg="del">
          <ac:chgData name="Frank Tan (qutan)" userId="1cc8c1fc-bfb1-4b23-ae96-de603ddcbe90" providerId="ADAL" clId="{E82D0C7D-D426-0F4C-8680-22192FC871A5}" dt="2020-03-03T15:19:29.956" v="875"/>
          <ac:spMkLst>
            <pc:docMk/>
            <pc:sldMk cId="2621188994" sldId="1979422032"/>
            <ac:spMk id="2" creationId="{DEE30464-5B15-9146-AA96-195D31385726}"/>
          </ac:spMkLst>
        </pc:spChg>
        <pc:spChg chg="del">
          <ac:chgData name="Frank Tan (qutan)" userId="1cc8c1fc-bfb1-4b23-ae96-de603ddcbe90" providerId="ADAL" clId="{E82D0C7D-D426-0F4C-8680-22192FC871A5}" dt="2020-03-03T15:19:29.956" v="875"/>
          <ac:spMkLst>
            <pc:docMk/>
            <pc:sldMk cId="2621188994" sldId="1979422032"/>
            <ac:spMk id="3" creationId="{98230207-B9DD-7B4B-9608-C8B738174E71}"/>
          </ac:spMkLst>
        </pc:spChg>
        <pc:spChg chg="del">
          <ac:chgData name="Frank Tan (qutan)" userId="1cc8c1fc-bfb1-4b23-ae96-de603ddcbe90" providerId="ADAL" clId="{E82D0C7D-D426-0F4C-8680-22192FC871A5}" dt="2020-03-03T15:19:29.956" v="875"/>
          <ac:spMkLst>
            <pc:docMk/>
            <pc:sldMk cId="2621188994" sldId="1979422032"/>
            <ac:spMk id="4" creationId="{DE8DB94D-D218-FA4F-AF07-2F1EC0D169FF}"/>
          </ac:spMkLst>
        </pc:spChg>
        <pc:spChg chg="add mod">
          <ac:chgData name="Frank Tan (qutan)" userId="1cc8c1fc-bfb1-4b23-ae96-de603ddcbe90" providerId="ADAL" clId="{E82D0C7D-D426-0F4C-8680-22192FC871A5}" dt="2020-03-03T15:19:34.535" v="885" actId="20577"/>
          <ac:spMkLst>
            <pc:docMk/>
            <pc:sldMk cId="2621188994" sldId="1979422032"/>
            <ac:spMk id="5" creationId="{78CC4880-6843-9548-BD5C-03F65D2F7364}"/>
          </ac:spMkLst>
        </pc:spChg>
        <pc:spChg chg="add mod">
          <ac:chgData name="Frank Tan (qutan)" userId="1cc8c1fc-bfb1-4b23-ae96-de603ddcbe90" providerId="ADAL" clId="{E82D0C7D-D426-0F4C-8680-22192FC871A5}" dt="2020-03-03T15:27:25.066" v="964" actId="20577"/>
          <ac:spMkLst>
            <pc:docMk/>
            <pc:sldMk cId="2621188994" sldId="1979422032"/>
            <ac:spMk id="6" creationId="{97B332EA-4D06-7446-B0C6-094EE609FB13}"/>
          </ac:spMkLst>
        </pc:spChg>
      </pc:sldChg>
      <pc:sldChg chg="modSp add">
        <pc:chgData name="Frank Tan (qutan)" userId="1cc8c1fc-bfb1-4b23-ae96-de603ddcbe90" providerId="ADAL" clId="{E82D0C7D-D426-0F4C-8680-22192FC871A5}" dt="2020-03-03T15:30:31.282" v="1041" actId="20577"/>
        <pc:sldMkLst>
          <pc:docMk/>
          <pc:sldMk cId="3331060003" sldId="1979422033"/>
        </pc:sldMkLst>
        <pc:spChg chg="mod">
          <ac:chgData name="Frank Tan (qutan)" userId="1cc8c1fc-bfb1-4b23-ae96-de603ddcbe90" providerId="ADAL" clId="{E82D0C7D-D426-0F4C-8680-22192FC871A5}" dt="2020-03-03T15:29:20.140" v="974" actId="20577"/>
          <ac:spMkLst>
            <pc:docMk/>
            <pc:sldMk cId="3331060003" sldId="1979422033"/>
            <ac:spMk id="2" creationId="{0DB987F2-80AD-AF44-AE91-A55A3D20B35F}"/>
          </ac:spMkLst>
        </pc:spChg>
        <pc:spChg chg="mod">
          <ac:chgData name="Frank Tan (qutan)" userId="1cc8c1fc-bfb1-4b23-ae96-de603ddcbe90" providerId="ADAL" clId="{E82D0C7D-D426-0F4C-8680-22192FC871A5}" dt="2020-03-03T15:30:31.282" v="1041" actId="20577"/>
          <ac:spMkLst>
            <pc:docMk/>
            <pc:sldMk cId="3331060003" sldId="1979422033"/>
            <ac:spMk id="3" creationId="{17330336-E623-1844-B5FC-6E20DECFD23C}"/>
          </ac:spMkLst>
        </pc:spChg>
      </pc:sldChg>
      <pc:sldChg chg="addSp delSp modSp add">
        <pc:chgData name="Frank Tan (qutan)" userId="1cc8c1fc-bfb1-4b23-ae96-de603ddcbe90" providerId="ADAL" clId="{E82D0C7D-D426-0F4C-8680-22192FC871A5}" dt="2020-03-04T03:27:14.389" v="1457" actId="20577"/>
        <pc:sldMkLst>
          <pc:docMk/>
          <pc:sldMk cId="1555614157" sldId="1979422034"/>
        </pc:sldMkLst>
        <pc:spChg chg="del">
          <ac:chgData name="Frank Tan (qutan)" userId="1cc8c1fc-bfb1-4b23-ae96-de603ddcbe90" providerId="ADAL" clId="{E82D0C7D-D426-0F4C-8680-22192FC871A5}" dt="2020-03-03T15:36:14.238" v="1043"/>
          <ac:spMkLst>
            <pc:docMk/>
            <pc:sldMk cId="1555614157" sldId="1979422034"/>
            <ac:spMk id="2" creationId="{D149873A-88C6-0549-949E-9A8134A275A7}"/>
          </ac:spMkLst>
        </pc:spChg>
        <pc:spChg chg="del">
          <ac:chgData name="Frank Tan (qutan)" userId="1cc8c1fc-bfb1-4b23-ae96-de603ddcbe90" providerId="ADAL" clId="{E82D0C7D-D426-0F4C-8680-22192FC871A5}" dt="2020-03-03T15:36:14.238" v="1043"/>
          <ac:spMkLst>
            <pc:docMk/>
            <pc:sldMk cId="1555614157" sldId="1979422034"/>
            <ac:spMk id="3" creationId="{40034F5A-8A6E-CC46-A3EE-F34D24DFD455}"/>
          </ac:spMkLst>
        </pc:spChg>
        <pc:spChg chg="del">
          <ac:chgData name="Frank Tan (qutan)" userId="1cc8c1fc-bfb1-4b23-ae96-de603ddcbe90" providerId="ADAL" clId="{E82D0C7D-D426-0F4C-8680-22192FC871A5}" dt="2020-03-03T15:36:14.238" v="1043"/>
          <ac:spMkLst>
            <pc:docMk/>
            <pc:sldMk cId="1555614157" sldId="1979422034"/>
            <ac:spMk id="4" creationId="{24A9EF30-3FB7-5748-9083-10C455A5203A}"/>
          </ac:spMkLst>
        </pc:spChg>
        <pc:spChg chg="add mod">
          <ac:chgData name="Frank Tan (qutan)" userId="1cc8c1fc-bfb1-4b23-ae96-de603ddcbe90" providerId="ADAL" clId="{E82D0C7D-D426-0F4C-8680-22192FC871A5}" dt="2020-03-03T15:36:18.041" v="1056" actId="20577"/>
          <ac:spMkLst>
            <pc:docMk/>
            <pc:sldMk cId="1555614157" sldId="1979422034"/>
            <ac:spMk id="5" creationId="{BD562BA6-DB85-184B-B7E3-702982A7F7F0}"/>
          </ac:spMkLst>
        </pc:spChg>
        <pc:spChg chg="add del mod">
          <ac:chgData name="Frank Tan (qutan)" userId="1cc8c1fc-bfb1-4b23-ae96-de603ddcbe90" providerId="ADAL" clId="{E82D0C7D-D426-0F4C-8680-22192FC871A5}" dt="2020-03-04T03:27:14.389" v="1457" actId="20577"/>
          <ac:spMkLst>
            <pc:docMk/>
            <pc:sldMk cId="1555614157" sldId="1979422034"/>
            <ac:spMk id="6" creationId="{6D1CB1D4-DD93-9A4C-BC5C-065923FD71B9}"/>
          </ac:spMkLst>
        </pc:spChg>
        <pc:spChg chg="add del">
          <ac:chgData name="Frank Tan (qutan)" userId="1cc8c1fc-bfb1-4b23-ae96-de603ddcbe90" providerId="ADAL" clId="{E82D0C7D-D426-0F4C-8680-22192FC871A5}" dt="2020-03-03T15:44:26.053" v="1059"/>
          <ac:spMkLst>
            <pc:docMk/>
            <pc:sldMk cId="1555614157" sldId="1979422034"/>
            <ac:spMk id="7" creationId="{EAD9BDD8-2A29-F244-A0AE-609C0628EEB3}"/>
          </ac:spMkLst>
        </pc:spChg>
      </pc:sldChg>
      <pc:sldChg chg="modSp add">
        <pc:chgData name="Frank Tan (qutan)" userId="1cc8c1fc-bfb1-4b23-ae96-de603ddcbe90" providerId="ADAL" clId="{E82D0C7D-D426-0F4C-8680-22192FC871A5}" dt="2020-03-03T15:51:35.693" v="1293" actId="20577"/>
        <pc:sldMkLst>
          <pc:docMk/>
          <pc:sldMk cId="2941785499" sldId="1979422035"/>
        </pc:sldMkLst>
        <pc:spChg chg="mod">
          <ac:chgData name="Frank Tan (qutan)" userId="1cc8c1fc-bfb1-4b23-ae96-de603ddcbe90" providerId="ADAL" clId="{E82D0C7D-D426-0F4C-8680-22192FC871A5}" dt="2020-03-03T15:51:35.693" v="1293" actId="20577"/>
          <ac:spMkLst>
            <pc:docMk/>
            <pc:sldMk cId="2941785499" sldId="1979422035"/>
            <ac:spMk id="2" creationId="{89F7EBAD-F967-544D-A3F0-DD9BB9386030}"/>
          </ac:spMkLst>
        </pc:spChg>
      </pc:sldChg>
      <pc:sldChg chg="add">
        <pc:chgData name="Frank Tan (qutan)" userId="1cc8c1fc-bfb1-4b23-ae96-de603ddcbe90" providerId="ADAL" clId="{E82D0C7D-D426-0F4C-8680-22192FC871A5}" dt="2020-03-03T15:51:55.001" v="1294"/>
        <pc:sldMkLst>
          <pc:docMk/>
          <pc:sldMk cId="798468249" sldId="1979422036"/>
        </pc:sldMkLst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CN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77BBD6A-5025-3E44-AE99-6D16A571530E}" type="datetimeFigureOut">
              <a:rPr lang="en-CN" smtClean="0"/>
              <a:t>2020/3/3</a:t>
            </a:fld>
            <a:endParaRPr lang="en-CN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CN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C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79ED3A9-7A2F-4542-AE59-9DA6D5992865}" type="slidenum">
              <a:rPr lang="en-CN" smtClean="0"/>
              <a:t>‹#›</a:t>
            </a:fld>
            <a:endParaRPr lang="en-CN"/>
          </a:p>
        </p:txBody>
      </p:sp>
    </p:spTree>
    <p:extLst>
      <p:ext uri="{BB962C8B-B14F-4D97-AF65-F5344CB8AC3E}">
        <p14:creationId xmlns:p14="http://schemas.microsoft.com/office/powerpoint/2010/main" val="257607115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CD8977C-616C-F54C-BCE2-ED06D55E8DCC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charset="0"/>
                <a:ea typeface="ＭＳ Ｐゴシック" charset="0"/>
              </a:rPr>
              <a:pPr marL="0" marR="0" lvl="0" indent="0" algn="r" defTabSz="4572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charset="0"/>
              <a:ea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457650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9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4.xml"/><Relationship Id="rId1" Type="http://schemas.openxmlformats.org/officeDocument/2006/relationships/themeOverride" Target="../theme/themeOverride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4.xml"/><Relationship Id="rId1" Type="http://schemas.openxmlformats.org/officeDocument/2006/relationships/themeOverride" Target="../theme/themeOverride2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25995" y="5158358"/>
            <a:ext cx="11061895" cy="384175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2133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45713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2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4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5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6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81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0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625995" y="5478354"/>
            <a:ext cx="11061895" cy="384175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2133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625995" y="5798350"/>
            <a:ext cx="11061895" cy="384175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2133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17723" y="4281951"/>
            <a:ext cx="11070167" cy="398668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933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406365" indent="0">
              <a:buNone/>
              <a:defRPr/>
            </a:lvl2pPr>
            <a:lvl3pPr marL="569854" indent="0">
              <a:buNone/>
              <a:defRPr/>
            </a:lvl3pPr>
            <a:lvl4pPr marL="688908" indent="0">
              <a:buNone/>
              <a:defRPr/>
            </a:lvl4pPr>
            <a:lvl5pPr marL="801608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567687" y="3519969"/>
            <a:ext cx="11120203" cy="85964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333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/>
        </p:nvSpPr>
        <p:spPr bwMode="auto">
          <a:xfrm>
            <a:off x="625995" y="521745"/>
            <a:ext cx="1060704" cy="563500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121920" tIns="60960" rIns="121920" bIns="60960" numCol="1" anchor="t" anchorCtr="0" compatLnSpc="1">
            <a:prstTxWarp prst="textNoShape">
              <a:avLst/>
            </a:prstTxWarp>
          </a:bodyPr>
          <a:lstStyle/>
          <a:p>
            <a:endParaRPr lang="en-US" sz="2400">
              <a:solidFill>
                <a:schemeClr val="bg1"/>
              </a:solidFill>
            </a:endParaRPr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8711217" y="5798350"/>
            <a:ext cx="2924659" cy="384175"/>
          </a:xfrm>
          <a:prstGeom prst="rect">
            <a:avLst/>
          </a:prstGeom>
        </p:spPr>
        <p:txBody>
          <a:bodyPr lIns="121893" tIns="60947" rIns="121893" bIns="60947"/>
          <a:lstStyle>
            <a:lvl1pPr marL="0" indent="0" algn="l" defTabSz="684213" rtl="0" eaLnBrk="1" fontAlgn="base" hangingPunct="1">
              <a:lnSpc>
                <a:spcPct val="95000"/>
              </a:lnSpc>
              <a:spcBef>
                <a:spcPts val="1075"/>
              </a:spcBef>
              <a:spcAft>
                <a:spcPct val="0"/>
              </a:spcAft>
              <a:buClr>
                <a:schemeClr val="tx2"/>
              </a:buClr>
              <a:buSzPct val="90000"/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 marL="358775" indent="-215900" algn="l" defTabSz="684213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tx2"/>
              </a:buCl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 marL="431800" indent="-169863" algn="l" defTabSz="684213" rtl="0" eaLnBrk="1" fontAlgn="base" hangingPunct="1">
              <a:lnSpc>
                <a:spcPct val="95000"/>
              </a:lnSpc>
              <a:spcBef>
                <a:spcPts val="625"/>
              </a:spcBef>
              <a:spcAft>
                <a:spcPct val="0"/>
              </a:spcAft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 marL="503238" indent="-169863" algn="l" defTabSz="684213" rtl="0" eaLnBrk="1" fontAlgn="base" hangingPunct="1">
              <a:lnSpc>
                <a:spcPct val="95000"/>
              </a:lnSpc>
              <a:spcBef>
                <a:spcPts val="625"/>
              </a:spcBef>
              <a:spcAft>
                <a:spcPct val="0"/>
              </a:spcAft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 marL="574675" indent="-169863" algn="l" defTabSz="684213" rtl="0" eaLnBrk="1" fontAlgn="base" hangingPunct="1">
              <a:lnSpc>
                <a:spcPct val="95000"/>
              </a:lnSpc>
              <a:spcBef>
                <a:spcPts val="625"/>
              </a:spcBef>
              <a:spcAft>
                <a:spcPct val="0"/>
              </a:spcAft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  <a:lvl6pPr marL="863856" indent="-171445" algn="l" defTabSz="685777" rtl="0" eaLnBrk="1" latinLnBrk="0" hangingPunct="1">
              <a:spcBef>
                <a:spcPts val="600"/>
              </a:spcBef>
              <a:buFont typeface="Arial" pitchFamily="34" charset="0"/>
              <a:buChar char="•"/>
              <a:defRPr sz="9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935844" indent="-171422" algn="l" defTabSz="685777" rtl="0" eaLnBrk="1" latinLnBrk="0" hangingPunct="1">
              <a:spcBef>
                <a:spcPts val="600"/>
              </a:spcBef>
              <a:buFont typeface="Arial" pitchFamily="34" charset="0"/>
              <a:buChar char="•"/>
              <a:defRPr sz="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220" indent="0" algn="l" defTabSz="685777" rtl="0" eaLnBrk="1" latinLnBrk="0" hangingPunct="1">
              <a:spcBef>
                <a:spcPct val="20000"/>
              </a:spcBef>
              <a:buFont typeface="Arial" pitchFamily="34" charset="0"/>
              <a:buNone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553" indent="-171445" algn="l" defTabSz="6857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2133" dirty="0"/>
              <a:t>Updated</a:t>
            </a:r>
            <a:r>
              <a:rPr lang="en-US" sz="2133" baseline="0" dirty="0"/>
              <a:t> </a:t>
            </a:r>
            <a:r>
              <a:rPr lang="en-US" sz="2133" dirty="0"/>
              <a:t>May 2017</a:t>
            </a:r>
          </a:p>
        </p:txBody>
      </p:sp>
    </p:spTree>
    <p:extLst>
      <p:ext uri="{BB962C8B-B14F-4D97-AF65-F5344CB8AC3E}">
        <p14:creationId xmlns:p14="http://schemas.microsoft.com/office/powerpoint/2010/main" val="10793793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616401" y="1602317"/>
            <a:ext cx="11036459" cy="4519083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304792" indent="-228594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8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609585" indent="-220128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914377" indent="-146047">
              <a:buClr>
                <a:schemeClr val="tx1"/>
              </a:buClr>
              <a:buSzPct val="8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1214683" indent="-228548">
              <a:buClr>
                <a:schemeClr val="tx1"/>
              </a:buClr>
              <a:buSzPct val="8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443231" indent="-224314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1363782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que_Transition_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555233" y="1220545"/>
            <a:ext cx="10130723" cy="3426595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267" b="0" i="0" spc="0" baseline="0">
                <a:solidFill>
                  <a:schemeClr val="bg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9095497-5B32-8142-B3B9-ED002EE722DE}"/>
              </a:ext>
            </a:extLst>
          </p:cNvPr>
          <p:cNvSpPr txBox="1"/>
          <p:nvPr/>
        </p:nvSpPr>
        <p:spPr>
          <a:xfrm>
            <a:off x="10095567" y="6259549"/>
            <a:ext cx="2081563" cy="564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67" b="1" spc="200" baseline="0" dirty="0">
                <a:solidFill>
                  <a:schemeClr val="bg2"/>
                </a:solidFill>
                <a:latin typeface="+mn-lt"/>
              </a:rPr>
              <a:t>Global</a:t>
            </a:r>
          </a:p>
          <a:p>
            <a:r>
              <a:rPr lang="en-US" sz="1600" spc="200" baseline="0" dirty="0">
                <a:solidFill>
                  <a:schemeClr val="tx1">
                    <a:lumMod val="90000"/>
                    <a:lumOff val="10000"/>
                  </a:schemeClr>
                </a:solidFill>
                <a:latin typeface="+mn-lt"/>
              </a:rPr>
              <a:t>Sales Training</a:t>
            </a:r>
          </a:p>
        </p:txBody>
      </p:sp>
    </p:spTree>
    <p:extLst>
      <p:ext uri="{BB962C8B-B14F-4D97-AF65-F5344CB8AC3E}">
        <p14:creationId xmlns:p14="http://schemas.microsoft.com/office/powerpoint/2010/main" val="3490535898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27275" y="1666619"/>
            <a:ext cx="11443668" cy="4354712"/>
          </a:xfrm>
          <a:prstGeom prst="rect">
            <a:avLst/>
          </a:prstGeom>
        </p:spPr>
        <p:txBody>
          <a:bodyPr>
            <a:noAutofit/>
          </a:bodyPr>
          <a:lstStyle>
            <a:lvl1pPr marL="374641" indent="-298443">
              <a:lnSpc>
                <a:spcPct val="95000"/>
              </a:lnSpc>
              <a:spcBef>
                <a:spcPts val="1480"/>
              </a:spcBef>
              <a:buClr>
                <a:schemeClr val="tx2"/>
              </a:buClr>
              <a:buSzPct val="80000"/>
              <a:buFont typeface="Wingdings" panose="05000000000000000000" pitchFamily="2" charset="2"/>
              <a:buChar char="§"/>
              <a:defRPr sz="2667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677316" indent="-287859">
              <a:lnSpc>
                <a:spcPct val="95000"/>
              </a:lnSpc>
              <a:spcBef>
                <a:spcPts val="600"/>
              </a:spcBef>
              <a:buClr>
                <a:schemeClr val="tx2"/>
              </a:buClr>
              <a:buSzPct val="80000"/>
              <a:buFont typeface="Wingdings" panose="05000000000000000000" pitchFamily="2" charset="2"/>
              <a:buChar char="§"/>
              <a:defRPr sz="2400"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996926" indent="-228594">
              <a:buClr>
                <a:schemeClr val="tx2"/>
              </a:buClr>
              <a:buSzPct val="80000"/>
              <a:buFont typeface="Wingdings" panose="05000000000000000000" pitchFamily="2" charset="2"/>
              <a:buChar char="§"/>
              <a:defRPr sz="2133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 marL="1214936" indent="-228594">
              <a:buClr>
                <a:schemeClr val="tx2"/>
              </a:buClr>
              <a:buSzPct val="80000"/>
              <a:buFont typeface="Wingdings" panose="05000000000000000000" pitchFamily="2" charset="2"/>
              <a:buChar char="§"/>
              <a:defRPr sz="1867"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 marL="1443531" indent="-224361">
              <a:buClr>
                <a:schemeClr val="tx2"/>
              </a:buClr>
              <a:buSzPct val="80000"/>
              <a:buFont typeface="Wingdings" panose="05000000000000000000" pitchFamily="2" charset="2"/>
              <a:buChar char="§"/>
              <a:defRPr sz="1600"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346322" y="404085"/>
            <a:ext cx="11546635" cy="971709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3333" b="0" i="0" spc="0" baseline="0">
                <a:solidFill>
                  <a:srgbClr val="00A2BF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Bullet 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7736447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59379744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555233" y="1220545"/>
            <a:ext cx="10130723" cy="3426595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6133" b="0" i="0" spc="0" baseline="0">
                <a:solidFill>
                  <a:schemeClr val="bg2">
                    <a:lumMod val="75000"/>
                  </a:schemeClr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794440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711199" y="1607864"/>
            <a:ext cx="5181600" cy="4110792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341155" y="1607864"/>
            <a:ext cx="5181600" cy="4110792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560728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444893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7619558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711200" y="1797051"/>
            <a:ext cx="10820400" cy="3544971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667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583690" y="5530961"/>
            <a:ext cx="9573749" cy="434977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804747">
              <a:lnSpc>
                <a:spcPct val="100000"/>
              </a:lnSpc>
              <a:spcBef>
                <a:spcPct val="50000"/>
              </a:spcBef>
              <a:buNone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259684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711200" y="1602318"/>
            <a:ext cx="10820400" cy="3744383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6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583690" y="5530961"/>
            <a:ext cx="9573749" cy="434977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804747">
              <a:lnSpc>
                <a:spcPct val="100000"/>
              </a:lnSpc>
              <a:spcBef>
                <a:spcPct val="50000"/>
              </a:spcBef>
              <a:buNone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390972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632883" y="1797051"/>
            <a:ext cx="11040076" cy="4098595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380910" marR="0" indent="-380910" algn="ctr" defTabSz="609458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667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90019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616401" y="2220243"/>
            <a:ext cx="4882699" cy="3901157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2"/>
              </a:buClr>
              <a:buSzPct val="60000"/>
              <a:buFont typeface="Arial"/>
              <a:buChar char="•"/>
              <a:defRPr sz="2667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2"/>
              </a:buClr>
              <a:buSzPct val="60000"/>
              <a:buFont typeface="Arial"/>
              <a:buChar char="•"/>
              <a:defRPr sz="2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537620" indent="-152396">
              <a:buClr>
                <a:schemeClr val="tx2"/>
              </a:buClr>
              <a:buSzPct val="60000"/>
              <a:buFont typeface="Arial"/>
              <a:buChar char="•"/>
              <a:defRPr sz="2133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690016" indent="-152396">
              <a:buClr>
                <a:schemeClr val="tx2"/>
              </a:buClr>
              <a:buSzPct val="60000"/>
              <a:buFont typeface="Arial"/>
              <a:buChar char="•"/>
              <a:defRPr sz="1867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842412" indent="-152396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455085"/>
            <a:ext cx="4915412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4267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757856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16784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+mj-lt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58801" y="2209800"/>
            <a:ext cx="5103284" cy="24384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6796618" y="709083"/>
            <a:ext cx="4734983" cy="5412316"/>
          </a:xfrm>
          <a:prstGeom prst="rect">
            <a:avLst/>
          </a:prstGeom>
        </p:spPr>
        <p:txBody>
          <a:bodyPr lIns="0" rIns="0" anchor="ctr" anchorCtr="0"/>
          <a:lstStyle>
            <a:lvl1pPr marL="226478" indent="-226478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304792" algn="l"/>
              </a:tabLst>
              <a:defRPr sz="3200"/>
            </a:lvl1pPr>
            <a:lvl2pPr marL="461422" indent="-228594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3200"/>
            </a:lvl2pPr>
            <a:lvl3pPr marL="609585" indent="-156629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667"/>
            </a:lvl3pPr>
            <a:lvl4pPr marL="766214" indent="-156629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2400"/>
            </a:lvl4pPr>
            <a:lvl5pPr marL="992693" indent="-15028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Rectangle 4"/>
          <p:cNvSpPr>
            <a:spLocks noChangeArrowheads="1"/>
          </p:cNvSpPr>
          <p:nvPr/>
        </p:nvSpPr>
        <p:spPr bwMode="ltGray">
          <a:xfrm>
            <a:off x="636906" y="6322205"/>
            <a:ext cx="462238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5945215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680720"/>
            <a:ext cx="5078396" cy="8737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6796618" y="680720"/>
            <a:ext cx="4734983" cy="5440680"/>
          </a:xfrm>
          <a:prstGeom prst="rect">
            <a:avLst/>
          </a:prstGeom>
        </p:spPr>
        <p:txBody>
          <a:bodyPr lIns="0" rIns="0"/>
          <a:lstStyle>
            <a:lvl1pPr marL="152396" indent="-152396">
              <a:lnSpc>
                <a:spcPct val="100000"/>
              </a:lnSpc>
              <a:buClr>
                <a:schemeClr val="tx1"/>
              </a:buClr>
              <a:buSzPct val="60000"/>
              <a:defRPr sz="2667"/>
            </a:lvl1pPr>
            <a:lvl2pPr marL="304792" indent="-152396">
              <a:lnSpc>
                <a:spcPct val="100000"/>
              </a:lnSpc>
              <a:buClr>
                <a:schemeClr val="tx1"/>
              </a:buClr>
              <a:buSzPct val="60000"/>
              <a:defRPr sz="2667"/>
            </a:lvl2pPr>
            <a:lvl3pPr marL="457189" indent="-152396">
              <a:lnSpc>
                <a:spcPct val="100000"/>
              </a:lnSpc>
              <a:buClr>
                <a:schemeClr val="tx1"/>
              </a:buClr>
              <a:buSzPct val="60000"/>
              <a:defRPr sz="2400"/>
            </a:lvl3pPr>
            <a:lvl4pPr marL="609585" indent="-165096">
              <a:lnSpc>
                <a:spcPct val="100000"/>
              </a:lnSpc>
              <a:buClr>
                <a:schemeClr val="tx1"/>
              </a:buClr>
              <a:buSzPct val="60000"/>
              <a:defRPr sz="2133"/>
            </a:lvl4pPr>
            <a:lvl5pPr marL="766214" indent="-156629">
              <a:lnSpc>
                <a:spcPct val="100000"/>
              </a:lnSpc>
              <a:buClr>
                <a:schemeClr val="tx1"/>
              </a:buClr>
              <a:buSzPct val="60000"/>
              <a:defRPr sz="2133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583689" y="2213123"/>
            <a:ext cx="5078396" cy="3908277"/>
          </a:xfrm>
          <a:prstGeom prst="rect">
            <a:avLst/>
          </a:prstGeom>
        </p:spPr>
        <p:txBody>
          <a:bodyPr/>
          <a:lstStyle>
            <a:lvl1pPr marL="152396" indent="-152396">
              <a:buClr>
                <a:schemeClr val="tx2"/>
              </a:buClr>
              <a:buSzPct val="60000"/>
              <a:defRPr lang="en-US" sz="2667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304792" indent="-152396">
              <a:buClr>
                <a:schemeClr val="tx2"/>
              </a:buClr>
              <a:buSzPct val="60000"/>
              <a:defRPr sz="2667">
                <a:solidFill>
                  <a:schemeClr val="bg1"/>
                </a:solidFill>
              </a:defRPr>
            </a:lvl2pPr>
            <a:lvl3pPr marL="457189" indent="-152396">
              <a:buClr>
                <a:schemeClr val="tx2"/>
              </a:buClr>
              <a:buSzPct val="60000"/>
              <a:defRPr sz="2400">
                <a:solidFill>
                  <a:schemeClr val="bg1"/>
                </a:solidFill>
              </a:defRPr>
            </a:lvl3pPr>
            <a:lvl4pPr marL="609585" indent="-165096">
              <a:buClr>
                <a:schemeClr val="tx2"/>
              </a:buClr>
              <a:buSzPct val="60000"/>
              <a:defRPr sz="2133">
                <a:solidFill>
                  <a:schemeClr val="bg1"/>
                </a:solidFill>
              </a:defRPr>
            </a:lvl4pPr>
            <a:lvl5pPr marL="766214" indent="-156629">
              <a:buClr>
                <a:schemeClr val="tx2"/>
              </a:buClr>
              <a:buSzPct val="60000"/>
              <a:defRPr sz="2133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47895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3335192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555233" y="1220545"/>
            <a:ext cx="10130723" cy="3426595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6133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51189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6786034" y="709084"/>
            <a:ext cx="4745567" cy="4486461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786034" y="5416468"/>
            <a:ext cx="4745567" cy="70019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867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/>
        </p:nvSpPr>
        <p:spPr bwMode="ltGray">
          <a:xfrm>
            <a:off x="636906" y="6322205"/>
            <a:ext cx="3817557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7802904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tx2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6786034" y="709084"/>
            <a:ext cx="4745567" cy="5412315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351456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366539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392911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8009810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6106790" y="0"/>
            <a:ext cx="6085209" cy="68580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399267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14561932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6786034" y="670984"/>
            <a:ext cx="4745567" cy="545041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chart</a:t>
            </a:r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239895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4573253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6786034" y="670984"/>
            <a:ext cx="4745567" cy="545041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table</a:t>
            </a:r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54270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3957708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5" name="Freeform 6"/>
          <p:cNvSpPr>
            <a:spLocks noChangeAspect="1" noEditPoints="1"/>
          </p:cNvSpPr>
          <p:nvPr/>
        </p:nvSpPr>
        <p:spPr bwMode="auto">
          <a:xfrm>
            <a:off x="5017326" y="2838769"/>
            <a:ext cx="2157349" cy="114609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121920" tIns="60960" rIns="121920" bIns="60960" numCol="1" anchor="t" anchorCtr="0" compatLnSpc="1">
            <a:prstTxWarp prst="textNoShape">
              <a:avLst/>
            </a:prstTxWarp>
          </a:bodyPr>
          <a:lstStyle/>
          <a:p>
            <a:endParaRPr lang="en-US" sz="240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54187774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7AF54B-70B5-C846-8162-C0E6EB4A95E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86B0A65-4FBC-6D4E-A6D7-61C9DE78636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4C540D-CDC4-F542-A9F6-39573064FA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5A7EA5-25F4-7A49-A17D-422C06E38414}" type="datetimeFigureOut">
              <a:rPr lang="en-CN" smtClean="0"/>
              <a:t>2020/3/2</a:t>
            </a:fld>
            <a:endParaRPr lang="en-C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16F589-77F7-094B-AC3B-995AEDC659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2C8BC6-FE8D-4548-ACFE-56E292E216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FB56E3-6DF9-8140-8943-21C47AB3033F}" type="slidenum">
              <a:rPr lang="en-CN" smtClean="0"/>
              <a:t>‹#›</a:t>
            </a:fld>
            <a:endParaRPr lang="en-CN"/>
          </a:p>
        </p:txBody>
      </p:sp>
    </p:spTree>
    <p:extLst>
      <p:ext uri="{BB962C8B-B14F-4D97-AF65-F5344CB8AC3E}">
        <p14:creationId xmlns:p14="http://schemas.microsoft.com/office/powerpoint/2010/main" val="70001269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25995" y="5142315"/>
            <a:ext cx="11061895" cy="384175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2400" b="0" i="0">
                <a:solidFill>
                  <a:schemeClr val="bg1">
                    <a:lumMod val="75000"/>
                  </a:schemeClr>
                </a:solidFill>
                <a:latin typeface="+mn-lt"/>
                <a:cs typeface="CiscoSansTT ExtraLight"/>
              </a:defRPr>
            </a:lvl1pPr>
            <a:lvl2pPr marL="45713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2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4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5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6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81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0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625995" y="5430226"/>
            <a:ext cx="11061895" cy="384175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2400" b="0" i="0" kern="1200" dirty="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625995" y="5798350"/>
            <a:ext cx="11061895" cy="384175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2400" b="0" i="0" kern="1200" dirty="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17723" y="4058205"/>
            <a:ext cx="11070167" cy="398668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933" b="0" i="0" baseline="0">
                <a:solidFill>
                  <a:schemeClr val="bg1">
                    <a:lumMod val="75000"/>
                  </a:schemeClr>
                </a:solidFill>
                <a:latin typeface="+mj-lt"/>
                <a:cs typeface="CiscoSansTT ExtraLight"/>
              </a:defRPr>
            </a:lvl1pPr>
            <a:lvl2pPr marL="406365" indent="0">
              <a:buNone/>
              <a:defRPr/>
            </a:lvl2pPr>
            <a:lvl3pPr marL="569854" indent="0">
              <a:buNone/>
              <a:defRPr/>
            </a:lvl3pPr>
            <a:lvl4pPr marL="688908" indent="0">
              <a:buNone/>
              <a:defRPr/>
            </a:lvl4pPr>
            <a:lvl5pPr marL="801608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567687" y="3296223"/>
            <a:ext cx="11120203" cy="85964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333" b="0" i="0" spc="0" baseline="0">
                <a:solidFill>
                  <a:schemeClr val="bg1">
                    <a:lumMod val="75000"/>
                  </a:schemeClr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8DA11FD-1253-4E47-89D7-0E8DC2142E0D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724" y="519214"/>
            <a:ext cx="4158361" cy="5660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426573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Title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25995" y="5142315"/>
            <a:ext cx="11061895" cy="384175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2400" b="0" i="0">
                <a:solidFill>
                  <a:schemeClr val="bg1">
                    <a:lumMod val="75000"/>
                  </a:schemeClr>
                </a:solidFill>
                <a:latin typeface="+mn-lt"/>
                <a:cs typeface="CiscoSansTT ExtraLight"/>
              </a:defRPr>
            </a:lvl1pPr>
            <a:lvl2pPr marL="45713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2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4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5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6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81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0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625995" y="5430226"/>
            <a:ext cx="11061895" cy="384175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2400" b="0" i="0" kern="1200" dirty="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625995" y="5798350"/>
            <a:ext cx="11061895" cy="384175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2400" b="0" i="0" kern="1200" dirty="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17723" y="4058205"/>
            <a:ext cx="11070167" cy="398668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933" b="0" i="0" baseline="0">
                <a:solidFill>
                  <a:schemeClr val="bg1">
                    <a:lumMod val="75000"/>
                  </a:schemeClr>
                </a:solidFill>
                <a:latin typeface="+mj-lt"/>
                <a:cs typeface="CiscoSansTT ExtraLight"/>
              </a:defRPr>
            </a:lvl1pPr>
            <a:lvl2pPr marL="406365" indent="0">
              <a:buNone/>
              <a:defRPr/>
            </a:lvl2pPr>
            <a:lvl3pPr marL="569854" indent="0">
              <a:buNone/>
              <a:defRPr/>
            </a:lvl3pPr>
            <a:lvl4pPr marL="688908" indent="0">
              <a:buNone/>
              <a:defRPr/>
            </a:lvl4pPr>
            <a:lvl5pPr marL="801608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567687" y="3296223"/>
            <a:ext cx="11120203" cy="85964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333" b="0" i="0" spc="0" baseline="0">
                <a:solidFill>
                  <a:schemeClr val="bg1">
                    <a:lumMod val="75000"/>
                  </a:schemeClr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8DA11FD-1253-4E47-89D7-0E8DC2142E0D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724" y="519214"/>
            <a:ext cx="4158361" cy="5660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33870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555233" y="1220545"/>
            <a:ext cx="10130723" cy="3426595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6133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375585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555233" y="1220545"/>
            <a:ext cx="10130723" cy="3426595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6133" b="0" i="0" spc="0" baseline="0">
                <a:solidFill>
                  <a:schemeClr val="bg1">
                    <a:lumMod val="75000"/>
                  </a:schemeClr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3216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555233" y="1220545"/>
            <a:ext cx="10130723" cy="3426595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6133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6363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chemeClr val="tx2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624417" y="5221411"/>
            <a:ext cx="10389144" cy="465808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804747">
              <a:lnSpc>
                <a:spcPct val="100000"/>
              </a:lnSpc>
              <a:spcBef>
                <a:spcPct val="50000"/>
              </a:spcBef>
              <a:buNone/>
              <a:defRPr sz="2933" b="0" i="0">
                <a:solidFill>
                  <a:schemeClr val="bg1">
                    <a:lumMod val="75000"/>
                  </a:schemeClr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383897" y="2054069"/>
            <a:ext cx="10629664" cy="3038449"/>
          </a:xfrm>
          <a:prstGeom prst="rect">
            <a:avLst/>
          </a:prstGeom>
        </p:spPr>
        <p:txBody>
          <a:bodyPr>
            <a:noAutofit/>
          </a:bodyPr>
          <a:lstStyle>
            <a:lvl1pPr marL="244794" indent="-533277" algn="l">
              <a:lnSpc>
                <a:spcPct val="90000"/>
              </a:lnSpc>
              <a:defRPr sz="5333" b="0" i="1" spc="0" baseline="0">
                <a:solidFill>
                  <a:schemeClr val="bg1">
                    <a:lumMod val="75000"/>
                  </a:schemeClr>
                </a:solidFill>
                <a:latin typeface="+mj-lt"/>
                <a:cs typeface="CiscoSans Thin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62508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chemeClr val="tx2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624417" y="5221411"/>
            <a:ext cx="10389144" cy="465808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804747">
              <a:lnSpc>
                <a:spcPct val="100000"/>
              </a:lnSpc>
              <a:spcBef>
                <a:spcPct val="50000"/>
              </a:spcBef>
              <a:buNone/>
              <a:defRPr sz="2933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383897" y="2054069"/>
            <a:ext cx="10629664" cy="3038449"/>
          </a:xfrm>
          <a:prstGeom prst="rect">
            <a:avLst/>
          </a:prstGeom>
        </p:spPr>
        <p:txBody>
          <a:bodyPr>
            <a:noAutofit/>
          </a:bodyPr>
          <a:lstStyle>
            <a:lvl1pPr marL="244794" indent="-533277" algn="l">
              <a:lnSpc>
                <a:spcPct val="90000"/>
              </a:lnSpc>
              <a:defRPr sz="5333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01623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666751" y="5222857"/>
            <a:ext cx="10852149" cy="684803"/>
          </a:xfrm>
          <a:prstGeom prst="rect">
            <a:avLst/>
          </a:prstGeom>
          <a:noFill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3867"/>
              </a:lnSpc>
              <a:spcBef>
                <a:spcPts val="0"/>
              </a:spcBef>
              <a:buNone/>
              <a:defRPr sz="32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939349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1" y="2"/>
            <a:ext cx="12401551" cy="3790949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598380" y="4072691"/>
            <a:ext cx="11152315" cy="716158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4267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7729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6464" cy="68580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263173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24267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+mj-lt"/>
            </a:endParaRPr>
          </a:p>
        </p:txBody>
      </p:sp>
      <p:sp>
        <p:nvSpPr>
          <p:cNvPr id="5" name="Rectangle 4"/>
          <p:cNvSpPr>
            <a:spLocks noChangeArrowheads="1"/>
          </p:cNvSpPr>
          <p:nvPr/>
        </p:nvSpPr>
        <p:spPr bwMode="ltGray">
          <a:xfrm>
            <a:off x="636906" y="6322205"/>
            <a:ext cx="462238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10683" y="320842"/>
            <a:ext cx="11307184" cy="5688861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7945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616401" y="1602317"/>
            <a:ext cx="11036459" cy="4519083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304792" indent="-228594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8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609585" indent="-220128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914377" indent="-146047">
              <a:buClr>
                <a:schemeClr val="tx1"/>
              </a:buClr>
              <a:buSzPct val="8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1214683" indent="-228548">
              <a:buClr>
                <a:schemeClr val="tx1"/>
              </a:buClr>
              <a:buSzPct val="8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443231" indent="-224314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87438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711199" y="1607864"/>
            <a:ext cx="5181600" cy="4110792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341155" y="1607864"/>
            <a:ext cx="5181600" cy="4110792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8352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chemeClr val="tx2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624417" y="5221411"/>
            <a:ext cx="10389144" cy="465808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804747">
              <a:lnSpc>
                <a:spcPct val="100000"/>
              </a:lnSpc>
              <a:spcBef>
                <a:spcPct val="50000"/>
              </a:spcBef>
              <a:buNone/>
              <a:defRPr sz="2933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383897" y="2054069"/>
            <a:ext cx="10629664" cy="3038449"/>
          </a:xfrm>
          <a:prstGeom prst="rect">
            <a:avLst/>
          </a:prstGeom>
        </p:spPr>
        <p:txBody>
          <a:bodyPr>
            <a:noAutofit/>
          </a:bodyPr>
          <a:lstStyle>
            <a:lvl1pPr marL="244794" indent="-533277" algn="l">
              <a:lnSpc>
                <a:spcPct val="90000"/>
              </a:lnSpc>
              <a:defRPr sz="5333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8140811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Bullet_with_Co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711199" y="1607864"/>
            <a:ext cx="5181600" cy="4110792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6341155" y="1607864"/>
            <a:ext cx="5181600" cy="4110792"/>
          </a:xfrm>
          <a:prstGeom prst="rect">
            <a:avLst/>
          </a:prstGeom>
          <a:solidFill>
            <a:schemeClr val="tx1"/>
          </a:solidFill>
        </p:spPr>
        <p:txBody>
          <a:bodyPr lIns="0" tIns="45710" rIns="0" bIns="45710">
            <a:noAutofit/>
          </a:bodyPr>
          <a:lstStyle>
            <a:lvl1pPr marL="76199" indent="0">
              <a:lnSpc>
                <a:spcPct val="95000"/>
              </a:lnSpc>
              <a:spcBef>
                <a:spcPts val="0"/>
              </a:spcBef>
              <a:buClr>
                <a:schemeClr val="tx1"/>
              </a:buClr>
              <a:buSzPct val="60000"/>
              <a:buFont typeface="Arial"/>
              <a:buNone/>
              <a:defRPr sz="1600" b="0" i="0" baseline="0">
                <a:solidFill>
                  <a:schemeClr val="bg2"/>
                </a:solidFill>
                <a:latin typeface="Courier New" panose="02070309020205020404" pitchFamily="49" charset="0"/>
                <a:cs typeface="Courier New" panose="02070309020205020404" pitchFamily="49" charset="0"/>
              </a:defRPr>
            </a:lvl1pPr>
            <a:lvl2pPr marL="232828" indent="0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None/>
              <a:defRPr sz="1600" b="0" i="0">
                <a:solidFill>
                  <a:schemeClr val="bg2"/>
                </a:solidFill>
                <a:latin typeface="Courier New" panose="02070309020205020404" pitchFamily="49" charset="0"/>
                <a:cs typeface="Courier New" panose="02070309020205020404" pitchFamily="49" charset="0"/>
              </a:defRPr>
            </a:lvl2pPr>
            <a:lvl3pPr marL="385224" indent="0">
              <a:buClr>
                <a:schemeClr val="tx1"/>
              </a:buClr>
              <a:buSzPct val="60000"/>
              <a:buFont typeface="Arial"/>
              <a:buNone/>
              <a:defRPr sz="1600" b="0" i="0">
                <a:solidFill>
                  <a:schemeClr val="bg2"/>
                </a:solidFill>
                <a:latin typeface="Courier New" panose="02070309020205020404" pitchFamily="49" charset="0"/>
                <a:cs typeface="Courier New" panose="02070309020205020404" pitchFamily="49" charset="0"/>
              </a:defRPr>
            </a:lvl3pPr>
            <a:lvl4pPr marL="537620" indent="0">
              <a:buClr>
                <a:schemeClr val="tx1"/>
              </a:buClr>
              <a:buSzPct val="60000"/>
              <a:buFont typeface="Arial"/>
              <a:buNone/>
              <a:defRPr sz="1600" b="0" i="0">
                <a:solidFill>
                  <a:schemeClr val="bg2"/>
                </a:solidFill>
                <a:latin typeface="Courier New" panose="02070309020205020404" pitchFamily="49" charset="0"/>
                <a:cs typeface="Courier New" panose="02070309020205020404" pitchFamily="49" charset="0"/>
              </a:defRPr>
            </a:lvl4pPr>
            <a:lvl5pPr marL="690016" indent="0">
              <a:buClr>
                <a:schemeClr val="tx1"/>
              </a:buClr>
              <a:buSzPct val="60000"/>
              <a:buFont typeface="Arial"/>
              <a:buNone/>
              <a:defRPr sz="1600" b="0" i="0">
                <a:solidFill>
                  <a:schemeClr val="bg2"/>
                </a:solidFill>
                <a:latin typeface="Courier New" panose="02070309020205020404" pitchFamily="49" charset="0"/>
                <a:cs typeface="Courier New" panose="02070309020205020404" pitchFamily="49" charset="0"/>
              </a:defRPr>
            </a:lvl5pPr>
          </a:lstStyle>
          <a:p>
            <a:pPr lvl="0"/>
            <a:r>
              <a:rPr lang="en-US" dirty="0"/>
              <a:t>Enter Code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54705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23564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34558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711200" y="1797051"/>
            <a:ext cx="10820400" cy="3544971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667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583690" y="5530961"/>
            <a:ext cx="9573749" cy="434977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804747">
              <a:lnSpc>
                <a:spcPct val="100000"/>
              </a:lnSpc>
              <a:spcBef>
                <a:spcPct val="50000"/>
              </a:spcBef>
              <a:buNone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7565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711200" y="1602318"/>
            <a:ext cx="10820400" cy="3744383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6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583690" y="5530961"/>
            <a:ext cx="9573749" cy="434977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804747">
              <a:lnSpc>
                <a:spcPct val="100000"/>
              </a:lnSpc>
              <a:spcBef>
                <a:spcPct val="50000"/>
              </a:spcBef>
              <a:buNone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32164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616401" y="2220243"/>
            <a:ext cx="4882699" cy="3901157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2"/>
              </a:buClr>
              <a:buSzPct val="60000"/>
              <a:buFont typeface="Arial"/>
              <a:buChar char="•"/>
              <a:defRPr sz="2667" b="0" i="0">
                <a:solidFill>
                  <a:schemeClr val="bg1">
                    <a:lumMod val="75000"/>
                  </a:schemeClr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2"/>
              </a:buClr>
              <a:buSzPct val="60000"/>
              <a:buFont typeface="Arial"/>
              <a:buChar char="•"/>
              <a:defRPr sz="2400" b="0" i="0">
                <a:solidFill>
                  <a:schemeClr val="bg1">
                    <a:lumMod val="75000"/>
                  </a:schemeClr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537620" indent="-152396">
              <a:buClr>
                <a:schemeClr val="tx2"/>
              </a:buClr>
              <a:buSzPct val="60000"/>
              <a:buFont typeface="Arial"/>
              <a:buChar char="•"/>
              <a:defRPr sz="2133" b="0" i="0">
                <a:solidFill>
                  <a:schemeClr val="bg1">
                    <a:lumMod val="75000"/>
                  </a:schemeClr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690016" indent="-152396">
              <a:buClr>
                <a:schemeClr val="tx2"/>
              </a:buClr>
              <a:buSzPct val="60000"/>
              <a:buFont typeface="Arial"/>
              <a:buChar char="•"/>
              <a:defRPr sz="1867" b="0" i="0">
                <a:solidFill>
                  <a:schemeClr val="bg1">
                    <a:lumMod val="75000"/>
                  </a:schemeClr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842412" indent="-152396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>
                    <a:lumMod val="75000"/>
                  </a:schemeClr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455085"/>
            <a:ext cx="4915412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4267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757856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</p:spTree>
    <p:extLst>
      <p:ext uri="{BB962C8B-B14F-4D97-AF65-F5344CB8AC3E}">
        <p14:creationId xmlns:p14="http://schemas.microsoft.com/office/powerpoint/2010/main" val="35198818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+mj-lt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58801" y="2209800"/>
            <a:ext cx="5103284" cy="24384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>
                    <a:lumMod val="75000"/>
                  </a:schemeClr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6796618" y="709083"/>
            <a:ext cx="4734983" cy="5412316"/>
          </a:xfrm>
          <a:prstGeom prst="rect">
            <a:avLst/>
          </a:prstGeom>
        </p:spPr>
        <p:txBody>
          <a:bodyPr lIns="0" rIns="0" anchor="ctr" anchorCtr="0"/>
          <a:lstStyle>
            <a:lvl1pPr marL="226478" indent="-226478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304792" algn="l"/>
              </a:tabLst>
              <a:defRPr sz="3200"/>
            </a:lvl1pPr>
            <a:lvl2pPr marL="461422" indent="-228594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3200"/>
            </a:lvl2pPr>
            <a:lvl3pPr marL="609585" indent="-156629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667"/>
            </a:lvl3pPr>
            <a:lvl4pPr marL="766214" indent="-156629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2400"/>
            </a:lvl4pPr>
            <a:lvl5pPr marL="992693" indent="-15028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Rectangle 4"/>
          <p:cNvSpPr>
            <a:spLocks noChangeArrowheads="1"/>
          </p:cNvSpPr>
          <p:nvPr/>
        </p:nvSpPr>
        <p:spPr bwMode="ltGray">
          <a:xfrm>
            <a:off x="636906" y="6322205"/>
            <a:ext cx="462238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</p:spTree>
    <p:extLst>
      <p:ext uri="{BB962C8B-B14F-4D97-AF65-F5344CB8AC3E}">
        <p14:creationId xmlns:p14="http://schemas.microsoft.com/office/powerpoint/2010/main" val="460819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680720"/>
            <a:ext cx="5078396" cy="8737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>
                    <a:lumMod val="75000"/>
                  </a:schemeClr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6796618" y="680720"/>
            <a:ext cx="4734983" cy="5440680"/>
          </a:xfrm>
          <a:prstGeom prst="rect">
            <a:avLst/>
          </a:prstGeom>
        </p:spPr>
        <p:txBody>
          <a:bodyPr lIns="0" rIns="0"/>
          <a:lstStyle>
            <a:lvl1pPr marL="152396" indent="-152396">
              <a:lnSpc>
                <a:spcPct val="100000"/>
              </a:lnSpc>
              <a:buClr>
                <a:schemeClr val="tx1"/>
              </a:buClr>
              <a:buSzPct val="60000"/>
              <a:defRPr sz="2667"/>
            </a:lvl1pPr>
            <a:lvl2pPr marL="304792" indent="-152396">
              <a:lnSpc>
                <a:spcPct val="100000"/>
              </a:lnSpc>
              <a:buClr>
                <a:schemeClr val="tx1"/>
              </a:buClr>
              <a:buSzPct val="60000"/>
              <a:defRPr sz="2667"/>
            </a:lvl2pPr>
            <a:lvl3pPr marL="457189" indent="-152396">
              <a:lnSpc>
                <a:spcPct val="100000"/>
              </a:lnSpc>
              <a:buClr>
                <a:schemeClr val="tx1"/>
              </a:buClr>
              <a:buSzPct val="60000"/>
              <a:defRPr sz="2400"/>
            </a:lvl3pPr>
            <a:lvl4pPr marL="609585" indent="-165096">
              <a:lnSpc>
                <a:spcPct val="100000"/>
              </a:lnSpc>
              <a:buClr>
                <a:schemeClr val="tx1"/>
              </a:buClr>
              <a:buSzPct val="60000"/>
              <a:defRPr sz="2133"/>
            </a:lvl4pPr>
            <a:lvl5pPr marL="766214" indent="-156629">
              <a:lnSpc>
                <a:spcPct val="100000"/>
              </a:lnSpc>
              <a:buClr>
                <a:schemeClr val="tx1"/>
              </a:buClr>
              <a:buSzPct val="60000"/>
              <a:defRPr sz="2133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583689" y="2213123"/>
            <a:ext cx="5078396" cy="3908277"/>
          </a:xfrm>
          <a:prstGeom prst="rect">
            <a:avLst/>
          </a:prstGeom>
        </p:spPr>
        <p:txBody>
          <a:bodyPr/>
          <a:lstStyle>
            <a:lvl1pPr marL="152396" indent="-152396">
              <a:buClr>
                <a:schemeClr val="tx2"/>
              </a:buClr>
              <a:buSzPct val="60000"/>
              <a:defRPr lang="en-US" sz="2667" kern="1200" dirty="0" smtClean="0">
                <a:solidFill>
                  <a:schemeClr val="bg1">
                    <a:lumMod val="75000"/>
                  </a:schemeClr>
                </a:solidFill>
                <a:latin typeface="+mn-lt"/>
                <a:ea typeface="ＭＳ Ｐゴシック" charset="0"/>
                <a:cs typeface="CiscoSans"/>
              </a:defRPr>
            </a:lvl1pPr>
            <a:lvl2pPr marL="304792" indent="-152396">
              <a:buClr>
                <a:schemeClr val="tx2"/>
              </a:buClr>
              <a:buSzPct val="60000"/>
              <a:defRPr sz="2667">
                <a:solidFill>
                  <a:schemeClr val="bg1">
                    <a:lumMod val="75000"/>
                  </a:schemeClr>
                </a:solidFill>
              </a:defRPr>
            </a:lvl2pPr>
            <a:lvl3pPr marL="457189" indent="-152396">
              <a:buClr>
                <a:schemeClr val="tx2"/>
              </a:buClr>
              <a:buSzPct val="60000"/>
              <a:defRPr sz="2400">
                <a:solidFill>
                  <a:schemeClr val="bg1">
                    <a:lumMod val="75000"/>
                  </a:schemeClr>
                </a:solidFill>
              </a:defRPr>
            </a:lvl3pPr>
            <a:lvl4pPr marL="609585" indent="-165096">
              <a:buClr>
                <a:schemeClr val="tx2"/>
              </a:buClr>
              <a:buSzPct val="60000"/>
              <a:defRPr sz="2133">
                <a:solidFill>
                  <a:schemeClr val="bg1">
                    <a:lumMod val="75000"/>
                  </a:schemeClr>
                </a:solidFill>
              </a:defRPr>
            </a:lvl4pPr>
            <a:lvl5pPr marL="766214" indent="-156629">
              <a:buClr>
                <a:schemeClr val="tx2"/>
              </a:buClr>
              <a:buSzPct val="60000"/>
              <a:defRPr sz="2133">
                <a:solidFill>
                  <a:schemeClr val="bg1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47895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</p:spTree>
    <p:extLst>
      <p:ext uri="{BB962C8B-B14F-4D97-AF65-F5344CB8AC3E}">
        <p14:creationId xmlns:p14="http://schemas.microsoft.com/office/powerpoint/2010/main" val="39382533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>
                    <a:lumMod val="75000"/>
                  </a:schemeClr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6786034" y="709084"/>
            <a:ext cx="4745567" cy="4486461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786034" y="5416468"/>
            <a:ext cx="4745567" cy="70019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867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/>
        </p:nvSpPr>
        <p:spPr bwMode="ltGray">
          <a:xfrm>
            <a:off x="636906" y="6322205"/>
            <a:ext cx="3817557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</p:spTree>
    <p:extLst>
      <p:ext uri="{BB962C8B-B14F-4D97-AF65-F5344CB8AC3E}">
        <p14:creationId xmlns:p14="http://schemas.microsoft.com/office/powerpoint/2010/main" val="2806372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tx2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>
                    <a:lumMod val="75000"/>
                  </a:schemeClr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6786034" y="709084"/>
            <a:ext cx="4745567" cy="5412315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351456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</p:spTree>
    <p:extLst>
      <p:ext uri="{BB962C8B-B14F-4D97-AF65-F5344CB8AC3E}">
        <p14:creationId xmlns:p14="http://schemas.microsoft.com/office/powerpoint/2010/main" val="5891809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chemeClr val="tx2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624417" y="5221411"/>
            <a:ext cx="10389144" cy="465808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804747">
              <a:lnSpc>
                <a:spcPct val="100000"/>
              </a:lnSpc>
              <a:spcBef>
                <a:spcPct val="50000"/>
              </a:spcBef>
              <a:buNone/>
              <a:defRPr sz="2933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383897" y="2054069"/>
            <a:ext cx="10629664" cy="3038449"/>
          </a:xfrm>
          <a:prstGeom prst="rect">
            <a:avLst/>
          </a:prstGeom>
        </p:spPr>
        <p:txBody>
          <a:bodyPr>
            <a:noAutofit/>
          </a:bodyPr>
          <a:lstStyle>
            <a:lvl1pPr marL="244794" indent="-533277" algn="l">
              <a:lnSpc>
                <a:spcPct val="90000"/>
              </a:lnSpc>
              <a:defRPr sz="5333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8076545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>
                    <a:lumMod val="75000"/>
                  </a:schemeClr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392911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</p:spTree>
    <p:extLst>
      <p:ext uri="{BB962C8B-B14F-4D97-AF65-F5344CB8AC3E}">
        <p14:creationId xmlns:p14="http://schemas.microsoft.com/office/powerpoint/2010/main" val="2871798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>
                    <a:lumMod val="75000"/>
                  </a:schemeClr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6106790" y="0"/>
            <a:ext cx="6085209" cy="68580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399267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</p:spTree>
    <p:extLst>
      <p:ext uri="{BB962C8B-B14F-4D97-AF65-F5344CB8AC3E}">
        <p14:creationId xmlns:p14="http://schemas.microsoft.com/office/powerpoint/2010/main" val="4316184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>
                    <a:lumMod val="75000"/>
                  </a:schemeClr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6786034" y="670984"/>
            <a:ext cx="4745567" cy="545041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chart</a:t>
            </a:r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239895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</p:spTree>
    <p:extLst>
      <p:ext uri="{BB962C8B-B14F-4D97-AF65-F5344CB8AC3E}">
        <p14:creationId xmlns:p14="http://schemas.microsoft.com/office/powerpoint/2010/main" val="39099227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212975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>
                    <a:lumMod val="75000"/>
                  </a:schemeClr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6786034" y="670984"/>
            <a:ext cx="4745567" cy="545041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table</a:t>
            </a:r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54270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</p:spTree>
    <p:extLst>
      <p:ext uri="{BB962C8B-B14F-4D97-AF65-F5344CB8AC3E}">
        <p14:creationId xmlns:p14="http://schemas.microsoft.com/office/powerpoint/2010/main" val="8410810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82EF1F8-9F65-FA43-AA99-2958E76B0468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00061" y="2662659"/>
            <a:ext cx="7591878" cy="15326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16508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405BBA-FA17-6643-891E-81A8C47CD79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B44E571-E0B8-DA40-8C64-A8B2FE72DA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FFAA33-5C35-5D4B-A8FC-AFCF1F5D73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20AFE6-20F4-B04E-9518-8B300D8920D7}" type="datetimeFigureOut">
              <a:rPr lang="en-US" smtClean="0"/>
              <a:t>3/2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0B551A2-81C1-A547-9BFB-4AD3E0BE89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30E61F-5B73-3F4B-B0DA-10D3710E44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A3E000-B319-BA46-B98F-4F83D5440D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38675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2 Column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1"/>
          <p:cNvSpPr>
            <a:spLocks noGrp="1"/>
          </p:cNvSpPr>
          <p:nvPr>
            <p:ph type="sldNum" sz="quarter" idx="4"/>
          </p:nvPr>
        </p:nvSpPr>
        <p:spPr>
          <a:xfrm>
            <a:off x="11212945" y="6513319"/>
            <a:ext cx="479555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en-US" sz="800" kern="1200" smtClean="0">
                <a:solidFill>
                  <a:srgbClr val="000000"/>
                </a:solidFill>
                <a:latin typeface="+mn-lt"/>
                <a:ea typeface="+mn-ea"/>
                <a:cs typeface="CiscoSans Thin"/>
              </a:defRPr>
            </a:lvl1pPr>
          </a:lstStyle>
          <a:p>
            <a:fld id="{96A97DD0-5BE7-4856-A2A9-C42C6688E60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963378" y="6616601"/>
            <a:ext cx="955817" cy="1852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>
            <a:lvl1pPr algn="l">
              <a:defRPr lang="en-US" sz="800" dirty="0">
                <a:solidFill>
                  <a:srgbClr val="000000"/>
                </a:solidFill>
                <a:cs typeface="CiscoSans Thin"/>
              </a:defRPr>
            </a:lvl1pPr>
          </a:lstStyle>
          <a:p>
            <a:pPr defTabSz="814305"/>
            <a:r>
              <a:rPr lang="en-US">
                <a:ea typeface="ＭＳ Ｐゴシック" charset="0"/>
              </a:rPr>
              <a:t>DEVNET-3616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475488" y="291929"/>
            <a:ext cx="11350752" cy="1020576"/>
          </a:xfrm>
        </p:spPr>
        <p:txBody>
          <a:bodyPr/>
          <a:lstStyle>
            <a:lvl1pPr>
              <a:defRPr baseline="0">
                <a:solidFill>
                  <a:schemeClr val="accent6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Content Placeholder 4"/>
          <p:cNvSpPr>
            <a:spLocks noGrp="1"/>
          </p:cNvSpPr>
          <p:nvPr>
            <p:ph sz="quarter" idx="11"/>
          </p:nvPr>
        </p:nvSpPr>
        <p:spPr>
          <a:xfrm>
            <a:off x="475488" y="1437216"/>
            <a:ext cx="5425440" cy="434397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1" name="Content Placeholder 5"/>
          <p:cNvSpPr>
            <a:spLocks noGrp="1"/>
          </p:cNvSpPr>
          <p:nvPr>
            <p:ph sz="quarter" idx="12"/>
          </p:nvPr>
        </p:nvSpPr>
        <p:spPr>
          <a:xfrm>
            <a:off x="6400800" y="1437218"/>
            <a:ext cx="5425440" cy="433794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8467576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1"/>
          <p:cNvSpPr>
            <a:spLocks noGrp="1"/>
          </p:cNvSpPr>
          <p:nvPr>
            <p:ph type="sldNum" sz="quarter" idx="4"/>
          </p:nvPr>
        </p:nvSpPr>
        <p:spPr>
          <a:xfrm>
            <a:off x="11212945" y="6513319"/>
            <a:ext cx="479555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en-US" sz="800" kern="1200" smtClean="0">
                <a:solidFill>
                  <a:srgbClr val="000000"/>
                </a:solidFill>
                <a:latin typeface="+mn-lt"/>
                <a:ea typeface="+mn-ea"/>
                <a:cs typeface="CiscoSans Thin"/>
              </a:defRPr>
            </a:lvl1pPr>
          </a:lstStyle>
          <a:p>
            <a:fld id="{96A97DD0-5BE7-4856-A2A9-C42C6688E60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963378" y="6616601"/>
            <a:ext cx="955817" cy="1852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>
            <a:lvl1pPr algn="l">
              <a:defRPr lang="en-US" sz="800" dirty="0">
                <a:solidFill>
                  <a:srgbClr val="000000"/>
                </a:solidFill>
                <a:cs typeface="CiscoSans Thin"/>
              </a:defRPr>
            </a:lvl1pPr>
          </a:lstStyle>
          <a:p>
            <a:pPr defTabSz="814305"/>
            <a:r>
              <a:rPr lang="en-US">
                <a:ea typeface="ＭＳ Ｐゴシック" charset="0"/>
              </a:rPr>
              <a:t>DEVNET-3616</a:t>
            </a:r>
          </a:p>
        </p:txBody>
      </p:sp>
      <p:sp>
        <p:nvSpPr>
          <p:cNvPr id="6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731520" y="4749800"/>
            <a:ext cx="7401947" cy="812800"/>
          </a:xfrm>
        </p:spPr>
        <p:txBody>
          <a:bodyPr/>
          <a:lstStyle>
            <a:lvl1pPr marL="2380" indent="0" algn="l">
              <a:spcBef>
                <a:spcPts val="0"/>
              </a:spcBef>
              <a:buNone/>
              <a:defRPr lang="en-US" sz="1867" kern="1200" dirty="0" smtClean="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</a:lstStyle>
          <a:p>
            <a:pPr lvl="0"/>
            <a:r>
              <a:rPr lang="en-US" dirty="0"/>
              <a:t>Click to edit Source Name</a:t>
            </a:r>
          </a:p>
          <a:p>
            <a:pPr lvl="0"/>
            <a:r>
              <a:rPr lang="en-US" dirty="0"/>
              <a:t>Company Name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13" hasCustomPrompt="1"/>
          </p:nvPr>
        </p:nvSpPr>
        <p:spPr>
          <a:xfrm>
            <a:off x="475489" y="2133600"/>
            <a:ext cx="10394647" cy="2311400"/>
          </a:xfrm>
        </p:spPr>
        <p:txBody>
          <a:bodyPr/>
          <a:lstStyle>
            <a:lvl1pPr marL="230712" indent="-230712">
              <a:lnSpc>
                <a:spcPts val="4907"/>
              </a:lnSpc>
              <a:spcBef>
                <a:spcPts val="0"/>
              </a:spcBef>
              <a:buClr>
                <a:schemeClr val="accent1"/>
              </a:buClr>
              <a:buSzPct val="105000"/>
              <a:buFont typeface="Arial" panose="020B0604020202020204" pitchFamily="34" charset="0"/>
              <a:buNone/>
              <a:tabLst>
                <a:tab pos="230712" algn="l"/>
              </a:tabLst>
              <a:defRPr lang="en-US" sz="3733" b="0" i="1" kern="1200" dirty="0" smtClean="0">
                <a:solidFill>
                  <a:schemeClr val="accent6"/>
                </a:solidFill>
                <a:latin typeface="+mj-lt"/>
                <a:ea typeface="+mj-ea"/>
                <a:cs typeface="+mj-cs"/>
                <a:sym typeface="Arial" pitchFamily="34" charset="0"/>
              </a:defRPr>
            </a:lvl1pPr>
          </a:lstStyle>
          <a:p>
            <a:pPr lvl="0"/>
            <a:r>
              <a:rPr lang="en-US" dirty="0"/>
              <a:t>“	Quote goes here.”</a:t>
            </a:r>
          </a:p>
        </p:txBody>
      </p:sp>
    </p:spTree>
    <p:extLst>
      <p:ext uri="{BB962C8B-B14F-4D97-AF65-F5344CB8AC3E}">
        <p14:creationId xmlns:p14="http://schemas.microsoft.com/office/powerpoint/2010/main" val="29221649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1"/>
          <p:cNvSpPr>
            <a:spLocks noGrp="1"/>
          </p:cNvSpPr>
          <p:nvPr>
            <p:ph type="sldNum" sz="quarter" idx="4"/>
          </p:nvPr>
        </p:nvSpPr>
        <p:spPr>
          <a:xfrm>
            <a:off x="11212945" y="6513319"/>
            <a:ext cx="479555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en-US" sz="800" kern="1200" smtClean="0">
                <a:solidFill>
                  <a:srgbClr val="000000"/>
                </a:solidFill>
                <a:latin typeface="+mn-lt"/>
                <a:ea typeface="+mn-ea"/>
                <a:cs typeface="CiscoSans Thin"/>
              </a:defRPr>
            </a:lvl1pPr>
          </a:lstStyle>
          <a:p>
            <a:fld id="{96A97DD0-5BE7-4856-A2A9-C42C6688E607}" type="slidenum">
              <a:rPr/>
              <a:pPr/>
              <a:t>‹#›</a:t>
            </a:fld>
            <a:endParaRPr dirty="0"/>
          </a:p>
        </p:txBody>
      </p:sp>
      <p:sp>
        <p:nvSpPr>
          <p:cNvPr id="8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963378" y="6616601"/>
            <a:ext cx="955817" cy="1852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>
            <a:lvl1pPr algn="l">
              <a:defRPr lang="en-US" sz="800" dirty="0">
                <a:solidFill>
                  <a:srgbClr val="000000"/>
                </a:solidFill>
                <a:cs typeface="CiscoSans Thin"/>
              </a:defRPr>
            </a:lvl1pPr>
          </a:lstStyle>
          <a:p>
            <a:pPr defTabSz="814305"/>
            <a:r>
              <a:rPr lang="en-US">
                <a:ea typeface="ＭＳ Ｐゴシック" charset="0"/>
              </a:rPr>
              <a:t>DEVNET-1616</a:t>
            </a:r>
          </a:p>
        </p:txBody>
      </p:sp>
      <p:sp>
        <p:nvSpPr>
          <p:cNvPr id="6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731520" y="4749800"/>
            <a:ext cx="7401947" cy="812800"/>
          </a:xfrm>
        </p:spPr>
        <p:txBody>
          <a:bodyPr/>
          <a:lstStyle>
            <a:lvl1pPr marL="2380" indent="0" algn="l">
              <a:spcBef>
                <a:spcPts val="0"/>
              </a:spcBef>
              <a:buNone/>
              <a:defRPr lang="en-US" sz="1867" kern="1200" dirty="0" smtClean="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</a:lstStyle>
          <a:p>
            <a:pPr lvl="0"/>
            <a:r>
              <a:rPr lang="en-US" dirty="0"/>
              <a:t>Click to edit Source Name</a:t>
            </a:r>
          </a:p>
          <a:p>
            <a:pPr lvl="0"/>
            <a:r>
              <a:rPr lang="en-US" dirty="0"/>
              <a:t>Company Name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13" hasCustomPrompt="1"/>
          </p:nvPr>
        </p:nvSpPr>
        <p:spPr>
          <a:xfrm>
            <a:off x="475489" y="2133600"/>
            <a:ext cx="10394647" cy="2311400"/>
          </a:xfrm>
        </p:spPr>
        <p:txBody>
          <a:bodyPr/>
          <a:lstStyle>
            <a:lvl1pPr marL="230712" indent="-230712">
              <a:lnSpc>
                <a:spcPts val="4907"/>
              </a:lnSpc>
              <a:spcBef>
                <a:spcPts val="0"/>
              </a:spcBef>
              <a:buClr>
                <a:schemeClr val="accent1"/>
              </a:buClr>
              <a:buSzPct val="105000"/>
              <a:buFont typeface="Arial" panose="020B0604020202020204" pitchFamily="34" charset="0"/>
              <a:buNone/>
              <a:tabLst>
                <a:tab pos="230712" algn="l"/>
              </a:tabLst>
              <a:defRPr lang="en-US" sz="3733" b="0" i="1" kern="1200" dirty="0" smtClean="0">
                <a:solidFill>
                  <a:schemeClr val="accent6"/>
                </a:solidFill>
                <a:latin typeface="+mj-lt"/>
                <a:ea typeface="+mj-ea"/>
                <a:cs typeface="+mj-cs"/>
                <a:sym typeface="Arial" pitchFamily="34" charset="0"/>
              </a:defRPr>
            </a:lvl1pPr>
          </a:lstStyle>
          <a:p>
            <a:pPr lvl="0"/>
            <a:r>
              <a:rPr lang="en-US" dirty="0"/>
              <a:t>“	Quote goes here.”</a:t>
            </a:r>
          </a:p>
        </p:txBody>
      </p:sp>
    </p:spTree>
    <p:extLst>
      <p:ext uri="{BB962C8B-B14F-4D97-AF65-F5344CB8AC3E}">
        <p14:creationId xmlns:p14="http://schemas.microsoft.com/office/powerpoint/2010/main" val="14080847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[White 2]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2"/>
          <p:cNvSpPr>
            <a:spLocks noGrp="1"/>
          </p:cNvSpPr>
          <p:nvPr>
            <p:ph idx="1"/>
          </p:nvPr>
        </p:nvSpPr>
        <p:spPr>
          <a:xfrm>
            <a:off x="609600" y="1102664"/>
            <a:ext cx="10972800" cy="4525963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609570" indent="0">
              <a:buFontTx/>
              <a:buNone/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2pPr>
            <a:lvl3pPr marL="1219140" indent="0">
              <a:buFontTx/>
              <a:buNone/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3pPr>
            <a:lvl4pPr marL="1828709" indent="0">
              <a:buFontTx/>
              <a:buNone/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4pPr>
            <a:lvl5pPr marL="2438278" indent="0">
              <a:buFontTx/>
              <a:buNone/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Rectangle 6"/>
          <p:cNvSpPr/>
          <p:nvPr/>
        </p:nvSpPr>
        <p:spPr>
          <a:xfrm>
            <a:off x="6096000" y="6749143"/>
            <a:ext cx="3274160" cy="123372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4"/>
            <a:endParaRPr lang="en-US" sz="1800" dirty="0">
              <a:solidFill>
                <a:srgbClr val="FFFFFF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3018199" y="6749143"/>
            <a:ext cx="3078413" cy="123372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4"/>
            <a:endParaRPr lang="en-US" sz="1800" dirty="0">
              <a:solidFill>
                <a:srgbClr val="FFFFFF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0" y="6749143"/>
            <a:ext cx="3078413" cy="123372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4"/>
            <a:endParaRPr lang="en-US" sz="1800" dirty="0">
              <a:solidFill>
                <a:srgbClr val="FFFFFF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9157505" y="6749143"/>
            <a:ext cx="3034497" cy="123372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4"/>
            <a:endParaRPr lang="en-US" sz="1800" dirty="0">
              <a:solidFill>
                <a:srgbClr val="FFFFFF"/>
              </a:solidFill>
            </a:endParaRP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2" cstate="screen">
            <a:duotone>
              <a:prstClr val="black"/>
              <a:schemeClr val="tx2">
                <a:tint val="45000"/>
                <a:satMod val="400000"/>
              </a:schemeClr>
            </a:duotone>
            <a:alphaModFix amt="4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1868" y="6152708"/>
            <a:ext cx="774520" cy="4287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831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666751" y="5233661"/>
            <a:ext cx="10852149" cy="663195"/>
          </a:xfrm>
          <a:prstGeom prst="rect">
            <a:avLst/>
          </a:prstGeom>
          <a:noFill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3867"/>
              </a:lnSpc>
              <a:spcBef>
                <a:spcPts val="0"/>
              </a:spcBef>
              <a:buNone/>
              <a:defRPr sz="32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890981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1EAD8197-A2C2-41C3-A1D1-B2A1015D96A6}"/>
              </a:ext>
            </a:extLst>
          </p:cNvPr>
          <p:cNvSpPr/>
          <p:nvPr/>
        </p:nvSpPr>
        <p:spPr bwMode="auto">
          <a:xfrm>
            <a:off x="-12193" y="6235701"/>
            <a:ext cx="12204193" cy="622300"/>
          </a:xfrm>
          <a:prstGeom prst="rect">
            <a:avLst/>
          </a:prstGeom>
          <a:solidFill>
            <a:schemeClr val="accent1"/>
          </a:solidFill>
          <a:ln w="12700" cap="flat">
            <a:noFill/>
            <a:miter lim="800000"/>
            <a:headEnd type="none" w="med" len="med"/>
            <a:tailEnd type="none" w="med" len="med"/>
          </a:ln>
        </p:spPr>
        <p:txBody>
          <a:bodyPr lIns="121920" tIns="60960" rIns="121920" bIns="60960" rtlCol="0" anchor="ctr"/>
          <a:lstStyle/>
          <a:p>
            <a:pPr marL="0" marR="0" lvl="0" indent="0" algn="ctr" defTabSz="68578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867" b="0" i="0" u="none" strike="noStrike" kern="1200" cap="none" spc="0" normalizeH="0" baseline="0" noProof="0" dirty="0" err="1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Light" panose="020B0503020201020303" pitchFamily="34" charset="0"/>
              <a:ea typeface="Arial" pitchFamily="-107" charset="0"/>
              <a:cs typeface="CiscoSansTT Light" panose="020B0503020201020303" pitchFamily="34" charset="0"/>
              <a:sym typeface="Arial" pitchFamily="-107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93600" y="256032"/>
            <a:ext cx="11009376" cy="9753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b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  <a:latin typeface="CiscoSansTT Light" panose="020B0503020201020303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D5AD3B2-2145-0947-A1BF-029ADE792650}"/>
              </a:ext>
            </a:extLst>
          </p:cNvPr>
          <p:cNvSpPr>
            <a:spLocks noChangeArrowheads="1"/>
          </p:cNvSpPr>
          <p:nvPr/>
        </p:nvSpPr>
        <p:spPr bwMode="black">
          <a:xfrm>
            <a:off x="7799900" y="6595873"/>
            <a:ext cx="339261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marL="0" marR="0" lvl="0" indent="0" algn="r" defTabSz="814305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chemeClr val="bg2"/>
                </a:solidFill>
                <a:effectLst/>
                <a:uLnTx/>
                <a:uFillTx/>
                <a:latin typeface="CiscoSansTT Light" panose="020B0503020201020303" pitchFamily="34" charset="0"/>
                <a:ea typeface="ＭＳ Ｐゴシック" charset="0"/>
                <a:cs typeface="CiscoSansTT Light" panose="020B0503020201020303" pitchFamily="34" charset="0"/>
              </a:rPr>
              <a:t>© 2019  Cisco and/or its affiliates. All rights reserved.   Cisco Public</a:t>
            </a:r>
          </a:p>
        </p:txBody>
      </p:sp>
      <p:sp>
        <p:nvSpPr>
          <p:cNvPr id="6" name="Slide Number Placeholder 1">
            <a:extLst>
              <a:ext uri="{FF2B5EF4-FFF2-40B4-BE49-F238E27FC236}">
                <a16:creationId xmlns:a16="http://schemas.microsoft.com/office/drawing/2014/main" id="{0E2B0868-332B-E647-A956-91F1889AF7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60200" y="6507857"/>
            <a:ext cx="479555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en-US" sz="800" kern="1200" smtClean="0">
                <a:solidFill>
                  <a:schemeClr val="bg2"/>
                </a:solidFill>
                <a:latin typeface="CiscoSansTT Light" panose="020B0503020201020303" pitchFamily="34" charset="0"/>
                <a:ea typeface="+mn-ea"/>
                <a:cs typeface="CiscoSans Thin"/>
              </a:defRPr>
            </a:lvl1pPr>
          </a:lstStyle>
          <a:p>
            <a:fld id="{96A97DD0-5BE7-4856-A2A9-C42C6688E607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reeform 1">
            <a:extLst>
              <a:ext uri="{FF2B5EF4-FFF2-40B4-BE49-F238E27FC236}">
                <a16:creationId xmlns:a16="http://schemas.microsoft.com/office/drawing/2014/main" id="{CB725B52-2CF9-40A7-AB9E-0634E5D71C3A}"/>
              </a:ext>
            </a:extLst>
          </p:cNvPr>
          <p:cNvSpPr>
            <a:spLocks noChangeAspect="1" noChangeArrowheads="1"/>
          </p:cNvSpPr>
          <p:nvPr/>
        </p:nvSpPr>
        <p:spPr bwMode="black">
          <a:xfrm>
            <a:off x="715224" y="6380606"/>
            <a:ext cx="1097280" cy="368933"/>
          </a:xfrm>
          <a:custGeom>
            <a:avLst/>
            <a:gdLst>
              <a:gd name="T0" fmla="*/ 3628 w 4066"/>
              <a:gd name="T1" fmla="*/ 826 h 1365"/>
              <a:gd name="T2" fmla="*/ 3718 w 4066"/>
              <a:gd name="T3" fmla="*/ 964 h 1365"/>
              <a:gd name="T4" fmla="*/ 3811 w 4066"/>
              <a:gd name="T5" fmla="*/ 668 h 1365"/>
              <a:gd name="T6" fmla="*/ 4065 w 4066"/>
              <a:gd name="T7" fmla="*/ 98 h 1365"/>
              <a:gd name="T8" fmla="*/ 4000 w 4066"/>
              <a:gd name="T9" fmla="*/ 17 h 1365"/>
              <a:gd name="T10" fmla="*/ 3679 w 4066"/>
              <a:gd name="T11" fmla="*/ 626 h 1365"/>
              <a:gd name="T12" fmla="*/ 3554 w 4066"/>
              <a:gd name="T13" fmla="*/ 1359 h 1365"/>
              <a:gd name="T14" fmla="*/ 3659 w 4066"/>
              <a:gd name="T15" fmla="*/ 1062 h 1365"/>
              <a:gd name="T16" fmla="*/ 3507 w 4066"/>
              <a:gd name="T17" fmla="*/ 1308 h 1365"/>
              <a:gd name="T18" fmla="*/ 1989 w 4066"/>
              <a:gd name="T19" fmla="*/ 1161 h 1365"/>
              <a:gd name="T20" fmla="*/ 2169 w 4066"/>
              <a:gd name="T21" fmla="*/ 203 h 1365"/>
              <a:gd name="T22" fmla="*/ 2189 w 4066"/>
              <a:gd name="T23" fmla="*/ 155 h 1365"/>
              <a:gd name="T24" fmla="*/ 2169 w 4066"/>
              <a:gd name="T25" fmla="*/ 747 h 1365"/>
              <a:gd name="T26" fmla="*/ 2183 w 4066"/>
              <a:gd name="T27" fmla="*/ 1359 h 1365"/>
              <a:gd name="T28" fmla="*/ 2465 w 4066"/>
              <a:gd name="T29" fmla="*/ 550 h 1365"/>
              <a:gd name="T30" fmla="*/ 2491 w 4066"/>
              <a:gd name="T31" fmla="*/ 389 h 1365"/>
              <a:gd name="T32" fmla="*/ 2392 w 4066"/>
              <a:gd name="T33" fmla="*/ 1283 h 1365"/>
              <a:gd name="T34" fmla="*/ 2395 w 4066"/>
              <a:gd name="T35" fmla="*/ 989 h 1365"/>
              <a:gd name="T36" fmla="*/ 2361 w 4066"/>
              <a:gd name="T37" fmla="*/ 612 h 1365"/>
              <a:gd name="T38" fmla="*/ 2268 w 4066"/>
              <a:gd name="T39" fmla="*/ 1300 h 1365"/>
              <a:gd name="T40" fmla="*/ 3092 w 4066"/>
              <a:gd name="T41" fmla="*/ 778 h 1365"/>
              <a:gd name="T42" fmla="*/ 3001 w 4066"/>
              <a:gd name="T43" fmla="*/ 907 h 1365"/>
              <a:gd name="T44" fmla="*/ 2784 w 4066"/>
              <a:gd name="T45" fmla="*/ 1356 h 1365"/>
              <a:gd name="T46" fmla="*/ 2654 w 4066"/>
              <a:gd name="T47" fmla="*/ 1311 h 1365"/>
              <a:gd name="T48" fmla="*/ 2553 w 4066"/>
              <a:gd name="T49" fmla="*/ 694 h 1365"/>
              <a:gd name="T50" fmla="*/ 2770 w 4066"/>
              <a:gd name="T51" fmla="*/ 762 h 1365"/>
              <a:gd name="T52" fmla="*/ 2770 w 4066"/>
              <a:gd name="T53" fmla="*/ 818 h 1365"/>
              <a:gd name="T54" fmla="*/ 2778 w 4066"/>
              <a:gd name="T55" fmla="*/ 1088 h 1365"/>
              <a:gd name="T56" fmla="*/ 2815 w 4066"/>
              <a:gd name="T57" fmla="*/ 1094 h 1365"/>
              <a:gd name="T58" fmla="*/ 3151 w 4066"/>
              <a:gd name="T59" fmla="*/ 508 h 1365"/>
              <a:gd name="T60" fmla="*/ 3092 w 4066"/>
              <a:gd name="T61" fmla="*/ 778 h 1365"/>
              <a:gd name="T62" fmla="*/ 3227 w 4066"/>
              <a:gd name="T63" fmla="*/ 739 h 1365"/>
              <a:gd name="T64" fmla="*/ 3165 w 4066"/>
              <a:gd name="T65" fmla="*/ 843 h 1365"/>
              <a:gd name="T66" fmla="*/ 3123 w 4066"/>
              <a:gd name="T67" fmla="*/ 1277 h 1365"/>
              <a:gd name="T68" fmla="*/ 3346 w 4066"/>
              <a:gd name="T69" fmla="*/ 1291 h 1365"/>
              <a:gd name="T70" fmla="*/ 3439 w 4066"/>
              <a:gd name="T71" fmla="*/ 1108 h 1365"/>
              <a:gd name="T72" fmla="*/ 3213 w 4066"/>
              <a:gd name="T73" fmla="*/ 1271 h 1365"/>
              <a:gd name="T74" fmla="*/ 3405 w 4066"/>
              <a:gd name="T75" fmla="*/ 876 h 1365"/>
              <a:gd name="T76" fmla="*/ 3566 w 4066"/>
              <a:gd name="T77" fmla="*/ 685 h 1365"/>
              <a:gd name="T78" fmla="*/ 3478 w 4066"/>
              <a:gd name="T79" fmla="*/ 708 h 1365"/>
              <a:gd name="T80" fmla="*/ 3380 w 4066"/>
              <a:gd name="T81" fmla="*/ 843 h 1365"/>
              <a:gd name="T82" fmla="*/ 3478 w 4066"/>
              <a:gd name="T83" fmla="*/ 708 h 1365"/>
              <a:gd name="T84" fmla="*/ 116 w 4066"/>
              <a:gd name="T85" fmla="*/ 1088 h 1365"/>
              <a:gd name="T86" fmla="*/ 480 w 4066"/>
              <a:gd name="T87" fmla="*/ 1003 h 1365"/>
              <a:gd name="T88" fmla="*/ 257 w 4066"/>
              <a:gd name="T89" fmla="*/ 1359 h 1365"/>
              <a:gd name="T90" fmla="*/ 646 w 4066"/>
              <a:gd name="T91" fmla="*/ 826 h 1365"/>
              <a:gd name="T92" fmla="*/ 649 w 4066"/>
              <a:gd name="T93" fmla="*/ 919 h 1365"/>
              <a:gd name="T94" fmla="*/ 646 w 4066"/>
              <a:gd name="T95" fmla="*/ 969 h 1365"/>
              <a:gd name="T96" fmla="*/ 649 w 4066"/>
              <a:gd name="T97" fmla="*/ 1345 h 1365"/>
              <a:gd name="T98" fmla="*/ 703 w 4066"/>
              <a:gd name="T99" fmla="*/ 1068 h 1365"/>
              <a:gd name="T100" fmla="*/ 937 w 4066"/>
              <a:gd name="T101" fmla="*/ 1240 h 1365"/>
              <a:gd name="T102" fmla="*/ 691 w 4066"/>
              <a:gd name="T103" fmla="*/ 1221 h 1365"/>
              <a:gd name="T104" fmla="*/ 923 w 4066"/>
              <a:gd name="T105" fmla="*/ 1116 h 1365"/>
              <a:gd name="T106" fmla="*/ 863 w 4066"/>
              <a:gd name="T107" fmla="*/ 1029 h 1365"/>
              <a:gd name="T108" fmla="*/ 863 w 4066"/>
              <a:gd name="T109" fmla="*/ 961 h 1365"/>
              <a:gd name="T110" fmla="*/ 1278 w 4066"/>
              <a:gd name="T111" fmla="*/ 1280 h 1365"/>
              <a:gd name="T112" fmla="*/ 1354 w 4066"/>
              <a:gd name="T113" fmla="*/ 1099 h 1365"/>
              <a:gd name="T114" fmla="*/ 1078 w 4066"/>
              <a:gd name="T115" fmla="*/ 1156 h 1365"/>
              <a:gd name="T116" fmla="*/ 1357 w 4066"/>
              <a:gd name="T117" fmla="*/ 1206 h 1365"/>
              <a:gd name="T118" fmla="*/ 1893 w 4066"/>
              <a:gd name="T119" fmla="*/ 1158 h 1365"/>
              <a:gd name="T120" fmla="*/ 1693 w 4066"/>
              <a:gd name="T121" fmla="*/ 1356 h 1365"/>
              <a:gd name="T122" fmla="*/ 1603 w 4066"/>
              <a:gd name="T123" fmla="*/ 1158 h 13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066" h="1365">
                <a:moveTo>
                  <a:pt x="3679" y="626"/>
                </a:moveTo>
                <a:cubicBezTo>
                  <a:pt x="3659" y="674"/>
                  <a:pt x="3650" y="708"/>
                  <a:pt x="3650" y="728"/>
                </a:cubicBezTo>
                <a:cubicBezTo>
                  <a:pt x="3636" y="753"/>
                  <a:pt x="3628" y="807"/>
                  <a:pt x="3628" y="826"/>
                </a:cubicBezTo>
                <a:lnTo>
                  <a:pt x="3628" y="849"/>
                </a:lnTo>
                <a:lnTo>
                  <a:pt x="3665" y="907"/>
                </a:lnTo>
                <a:cubicBezTo>
                  <a:pt x="3684" y="936"/>
                  <a:pt x="3662" y="944"/>
                  <a:pt x="3718" y="964"/>
                </a:cubicBezTo>
                <a:cubicBezTo>
                  <a:pt x="3738" y="964"/>
                  <a:pt x="3752" y="950"/>
                  <a:pt x="3763" y="919"/>
                </a:cubicBezTo>
                <a:lnTo>
                  <a:pt x="3763" y="910"/>
                </a:lnTo>
                <a:cubicBezTo>
                  <a:pt x="3763" y="838"/>
                  <a:pt x="3789" y="739"/>
                  <a:pt x="3811" y="668"/>
                </a:cubicBezTo>
                <a:cubicBezTo>
                  <a:pt x="3811" y="637"/>
                  <a:pt x="3840" y="541"/>
                  <a:pt x="3938" y="307"/>
                </a:cubicBezTo>
                <a:cubicBezTo>
                  <a:pt x="3938" y="282"/>
                  <a:pt x="3961" y="234"/>
                  <a:pt x="4006" y="160"/>
                </a:cubicBezTo>
                <a:cubicBezTo>
                  <a:pt x="4043" y="98"/>
                  <a:pt x="4054" y="107"/>
                  <a:pt x="4065" y="98"/>
                </a:cubicBezTo>
                <a:lnTo>
                  <a:pt x="4065" y="62"/>
                </a:lnTo>
                <a:lnTo>
                  <a:pt x="4051" y="48"/>
                </a:lnTo>
                <a:cubicBezTo>
                  <a:pt x="4051" y="48"/>
                  <a:pt x="4037" y="34"/>
                  <a:pt x="4000" y="17"/>
                </a:cubicBezTo>
                <a:cubicBezTo>
                  <a:pt x="4000" y="17"/>
                  <a:pt x="3964" y="0"/>
                  <a:pt x="3950" y="0"/>
                </a:cubicBezTo>
                <a:cubicBezTo>
                  <a:pt x="3938" y="0"/>
                  <a:pt x="3916" y="22"/>
                  <a:pt x="3893" y="67"/>
                </a:cubicBezTo>
                <a:lnTo>
                  <a:pt x="3679" y="626"/>
                </a:lnTo>
                <a:close/>
                <a:moveTo>
                  <a:pt x="3507" y="1308"/>
                </a:moveTo>
                <a:cubicBezTo>
                  <a:pt x="3507" y="1333"/>
                  <a:pt x="3481" y="1342"/>
                  <a:pt x="3509" y="1359"/>
                </a:cubicBezTo>
                <a:lnTo>
                  <a:pt x="3554" y="1359"/>
                </a:lnTo>
                <a:cubicBezTo>
                  <a:pt x="3605" y="1333"/>
                  <a:pt x="3622" y="1291"/>
                  <a:pt x="3684" y="1150"/>
                </a:cubicBezTo>
                <a:lnTo>
                  <a:pt x="3684" y="1119"/>
                </a:lnTo>
                <a:cubicBezTo>
                  <a:pt x="3684" y="1099"/>
                  <a:pt x="3701" y="1091"/>
                  <a:pt x="3659" y="1062"/>
                </a:cubicBezTo>
                <a:lnTo>
                  <a:pt x="3648" y="1062"/>
                </a:lnTo>
                <a:cubicBezTo>
                  <a:pt x="3566" y="1062"/>
                  <a:pt x="3546" y="1102"/>
                  <a:pt x="3507" y="1266"/>
                </a:cubicBezTo>
                <a:lnTo>
                  <a:pt x="3507" y="1308"/>
                </a:lnTo>
                <a:close/>
                <a:moveTo>
                  <a:pt x="2183" y="1359"/>
                </a:moveTo>
                <a:cubicBezTo>
                  <a:pt x="2149" y="1359"/>
                  <a:pt x="2101" y="1328"/>
                  <a:pt x="2039" y="1268"/>
                </a:cubicBezTo>
                <a:cubicBezTo>
                  <a:pt x="2009" y="1232"/>
                  <a:pt x="1992" y="1195"/>
                  <a:pt x="1989" y="1161"/>
                </a:cubicBezTo>
                <a:cubicBezTo>
                  <a:pt x="1989" y="1065"/>
                  <a:pt x="1984" y="1012"/>
                  <a:pt x="2070" y="618"/>
                </a:cubicBezTo>
                <a:cubicBezTo>
                  <a:pt x="2084" y="581"/>
                  <a:pt x="2087" y="558"/>
                  <a:pt x="2146" y="307"/>
                </a:cubicBezTo>
                <a:lnTo>
                  <a:pt x="2169" y="203"/>
                </a:lnTo>
                <a:cubicBezTo>
                  <a:pt x="2177" y="160"/>
                  <a:pt x="2180" y="158"/>
                  <a:pt x="2180" y="158"/>
                </a:cubicBezTo>
                <a:lnTo>
                  <a:pt x="2183" y="155"/>
                </a:lnTo>
                <a:lnTo>
                  <a:pt x="2189" y="155"/>
                </a:lnTo>
                <a:cubicBezTo>
                  <a:pt x="2271" y="177"/>
                  <a:pt x="2310" y="208"/>
                  <a:pt x="2310" y="245"/>
                </a:cubicBezTo>
                <a:cubicBezTo>
                  <a:pt x="2310" y="276"/>
                  <a:pt x="2307" y="290"/>
                  <a:pt x="2262" y="395"/>
                </a:cubicBezTo>
                <a:cubicBezTo>
                  <a:pt x="2217" y="499"/>
                  <a:pt x="2231" y="443"/>
                  <a:pt x="2169" y="747"/>
                </a:cubicBezTo>
                <a:cubicBezTo>
                  <a:pt x="2155" y="818"/>
                  <a:pt x="2141" y="952"/>
                  <a:pt x="2124" y="1153"/>
                </a:cubicBezTo>
                <a:cubicBezTo>
                  <a:pt x="2135" y="1268"/>
                  <a:pt x="2144" y="1305"/>
                  <a:pt x="2169" y="1305"/>
                </a:cubicBezTo>
                <a:lnTo>
                  <a:pt x="2183" y="1359"/>
                </a:lnTo>
                <a:close/>
                <a:moveTo>
                  <a:pt x="2485" y="392"/>
                </a:moveTo>
                <a:cubicBezTo>
                  <a:pt x="2471" y="395"/>
                  <a:pt x="2457" y="446"/>
                  <a:pt x="2448" y="544"/>
                </a:cubicBezTo>
                <a:lnTo>
                  <a:pt x="2465" y="550"/>
                </a:lnTo>
                <a:cubicBezTo>
                  <a:pt x="2493" y="547"/>
                  <a:pt x="2530" y="513"/>
                  <a:pt x="2570" y="451"/>
                </a:cubicBezTo>
                <a:lnTo>
                  <a:pt x="2570" y="443"/>
                </a:lnTo>
                <a:cubicBezTo>
                  <a:pt x="2567" y="423"/>
                  <a:pt x="2541" y="406"/>
                  <a:pt x="2491" y="389"/>
                </a:cubicBezTo>
                <a:lnTo>
                  <a:pt x="2485" y="392"/>
                </a:lnTo>
                <a:close/>
                <a:moveTo>
                  <a:pt x="2400" y="1305"/>
                </a:moveTo>
                <a:lnTo>
                  <a:pt x="2392" y="1283"/>
                </a:lnTo>
                <a:cubicBezTo>
                  <a:pt x="2386" y="1175"/>
                  <a:pt x="2389" y="1108"/>
                  <a:pt x="2395" y="1077"/>
                </a:cubicBezTo>
                <a:lnTo>
                  <a:pt x="2386" y="1054"/>
                </a:lnTo>
                <a:cubicBezTo>
                  <a:pt x="2386" y="1012"/>
                  <a:pt x="2389" y="992"/>
                  <a:pt x="2395" y="989"/>
                </a:cubicBezTo>
                <a:cubicBezTo>
                  <a:pt x="2406" y="921"/>
                  <a:pt x="2417" y="885"/>
                  <a:pt x="2426" y="879"/>
                </a:cubicBezTo>
                <a:cubicBezTo>
                  <a:pt x="2429" y="835"/>
                  <a:pt x="2454" y="776"/>
                  <a:pt x="2499" y="702"/>
                </a:cubicBezTo>
                <a:cubicBezTo>
                  <a:pt x="2496" y="680"/>
                  <a:pt x="2451" y="649"/>
                  <a:pt x="2361" y="612"/>
                </a:cubicBezTo>
                <a:cubicBezTo>
                  <a:pt x="2338" y="615"/>
                  <a:pt x="2316" y="663"/>
                  <a:pt x="2299" y="759"/>
                </a:cubicBezTo>
                <a:cubicBezTo>
                  <a:pt x="2248" y="969"/>
                  <a:pt x="2228" y="1122"/>
                  <a:pt x="2239" y="1209"/>
                </a:cubicBezTo>
                <a:cubicBezTo>
                  <a:pt x="2248" y="1271"/>
                  <a:pt x="2256" y="1302"/>
                  <a:pt x="2268" y="1300"/>
                </a:cubicBezTo>
                <a:cubicBezTo>
                  <a:pt x="2310" y="1345"/>
                  <a:pt x="2355" y="1364"/>
                  <a:pt x="2409" y="1359"/>
                </a:cubicBezTo>
                <a:lnTo>
                  <a:pt x="2400" y="1305"/>
                </a:lnTo>
                <a:close/>
                <a:moveTo>
                  <a:pt x="3092" y="778"/>
                </a:moveTo>
                <a:cubicBezTo>
                  <a:pt x="3052" y="829"/>
                  <a:pt x="3049" y="829"/>
                  <a:pt x="3049" y="829"/>
                </a:cubicBezTo>
                <a:lnTo>
                  <a:pt x="3047" y="829"/>
                </a:lnTo>
                <a:cubicBezTo>
                  <a:pt x="3038" y="835"/>
                  <a:pt x="3024" y="859"/>
                  <a:pt x="3001" y="907"/>
                </a:cubicBezTo>
                <a:cubicBezTo>
                  <a:pt x="2984" y="924"/>
                  <a:pt x="2945" y="1003"/>
                  <a:pt x="2880" y="1139"/>
                </a:cubicBezTo>
                <a:lnTo>
                  <a:pt x="2812" y="1294"/>
                </a:lnTo>
                <a:cubicBezTo>
                  <a:pt x="2787" y="1353"/>
                  <a:pt x="2784" y="1356"/>
                  <a:pt x="2784" y="1356"/>
                </a:cubicBezTo>
                <a:lnTo>
                  <a:pt x="2781" y="1359"/>
                </a:lnTo>
                <a:lnTo>
                  <a:pt x="2759" y="1359"/>
                </a:lnTo>
                <a:cubicBezTo>
                  <a:pt x="2716" y="1359"/>
                  <a:pt x="2680" y="1342"/>
                  <a:pt x="2654" y="1311"/>
                </a:cubicBezTo>
                <a:cubicBezTo>
                  <a:pt x="2626" y="1294"/>
                  <a:pt x="2609" y="1252"/>
                  <a:pt x="2609" y="1187"/>
                </a:cubicBezTo>
                <a:cubicBezTo>
                  <a:pt x="2595" y="862"/>
                  <a:pt x="2575" y="702"/>
                  <a:pt x="2553" y="702"/>
                </a:cubicBezTo>
                <a:lnTo>
                  <a:pt x="2553" y="694"/>
                </a:lnTo>
                <a:cubicBezTo>
                  <a:pt x="2558" y="683"/>
                  <a:pt x="2570" y="677"/>
                  <a:pt x="2587" y="671"/>
                </a:cubicBezTo>
                <a:cubicBezTo>
                  <a:pt x="2708" y="691"/>
                  <a:pt x="2770" y="719"/>
                  <a:pt x="2770" y="756"/>
                </a:cubicBezTo>
                <a:lnTo>
                  <a:pt x="2770" y="762"/>
                </a:lnTo>
                <a:lnTo>
                  <a:pt x="2764" y="778"/>
                </a:lnTo>
                <a:lnTo>
                  <a:pt x="2776" y="804"/>
                </a:lnTo>
                <a:lnTo>
                  <a:pt x="2770" y="818"/>
                </a:lnTo>
                <a:lnTo>
                  <a:pt x="2781" y="879"/>
                </a:lnTo>
                <a:lnTo>
                  <a:pt x="2776" y="933"/>
                </a:lnTo>
                <a:lnTo>
                  <a:pt x="2778" y="1088"/>
                </a:lnTo>
                <a:cubicBezTo>
                  <a:pt x="2781" y="1153"/>
                  <a:pt x="2784" y="1153"/>
                  <a:pt x="2784" y="1153"/>
                </a:cubicBezTo>
                <a:lnTo>
                  <a:pt x="2787" y="1153"/>
                </a:lnTo>
                <a:cubicBezTo>
                  <a:pt x="2795" y="1153"/>
                  <a:pt x="2804" y="1133"/>
                  <a:pt x="2815" y="1094"/>
                </a:cubicBezTo>
                <a:cubicBezTo>
                  <a:pt x="2849" y="1048"/>
                  <a:pt x="2897" y="955"/>
                  <a:pt x="2965" y="810"/>
                </a:cubicBezTo>
                <a:cubicBezTo>
                  <a:pt x="3004" y="770"/>
                  <a:pt x="3041" y="697"/>
                  <a:pt x="3069" y="587"/>
                </a:cubicBezTo>
                <a:cubicBezTo>
                  <a:pt x="3109" y="533"/>
                  <a:pt x="3137" y="508"/>
                  <a:pt x="3151" y="508"/>
                </a:cubicBezTo>
                <a:cubicBezTo>
                  <a:pt x="3224" y="510"/>
                  <a:pt x="3244" y="536"/>
                  <a:pt x="3244" y="578"/>
                </a:cubicBezTo>
                <a:cubicBezTo>
                  <a:pt x="3244" y="592"/>
                  <a:pt x="3233" y="612"/>
                  <a:pt x="3210" y="637"/>
                </a:cubicBezTo>
                <a:lnTo>
                  <a:pt x="3092" y="778"/>
                </a:lnTo>
                <a:close/>
                <a:moveTo>
                  <a:pt x="3382" y="567"/>
                </a:moveTo>
                <a:lnTo>
                  <a:pt x="3326" y="606"/>
                </a:lnTo>
                <a:cubicBezTo>
                  <a:pt x="3281" y="649"/>
                  <a:pt x="3247" y="691"/>
                  <a:pt x="3227" y="739"/>
                </a:cubicBezTo>
                <a:lnTo>
                  <a:pt x="3224" y="742"/>
                </a:lnTo>
                <a:cubicBezTo>
                  <a:pt x="3224" y="742"/>
                  <a:pt x="3222" y="745"/>
                  <a:pt x="3210" y="764"/>
                </a:cubicBezTo>
                <a:lnTo>
                  <a:pt x="3165" y="843"/>
                </a:lnTo>
                <a:cubicBezTo>
                  <a:pt x="3103" y="989"/>
                  <a:pt x="3072" y="1099"/>
                  <a:pt x="3072" y="1173"/>
                </a:cubicBezTo>
                <a:lnTo>
                  <a:pt x="3072" y="1187"/>
                </a:lnTo>
                <a:cubicBezTo>
                  <a:pt x="3072" y="1212"/>
                  <a:pt x="3089" y="1243"/>
                  <a:pt x="3123" y="1277"/>
                </a:cubicBezTo>
                <a:cubicBezTo>
                  <a:pt x="3154" y="1333"/>
                  <a:pt x="3193" y="1362"/>
                  <a:pt x="3238" y="1362"/>
                </a:cubicBezTo>
                <a:cubicBezTo>
                  <a:pt x="3275" y="1353"/>
                  <a:pt x="3295" y="1345"/>
                  <a:pt x="3295" y="1339"/>
                </a:cubicBezTo>
                <a:cubicBezTo>
                  <a:pt x="3329" y="1316"/>
                  <a:pt x="3346" y="1300"/>
                  <a:pt x="3346" y="1291"/>
                </a:cubicBezTo>
                <a:cubicBezTo>
                  <a:pt x="3399" y="1223"/>
                  <a:pt x="3433" y="1167"/>
                  <a:pt x="3450" y="1122"/>
                </a:cubicBezTo>
                <a:lnTo>
                  <a:pt x="3450" y="1116"/>
                </a:lnTo>
                <a:lnTo>
                  <a:pt x="3439" y="1108"/>
                </a:lnTo>
                <a:lnTo>
                  <a:pt x="3428" y="1116"/>
                </a:lnTo>
                <a:cubicBezTo>
                  <a:pt x="3371" y="1201"/>
                  <a:pt x="3309" y="1260"/>
                  <a:pt x="3241" y="1294"/>
                </a:cubicBezTo>
                <a:cubicBezTo>
                  <a:pt x="3230" y="1294"/>
                  <a:pt x="3219" y="1285"/>
                  <a:pt x="3213" y="1271"/>
                </a:cubicBezTo>
                <a:cubicBezTo>
                  <a:pt x="3213" y="1175"/>
                  <a:pt x="3250" y="1043"/>
                  <a:pt x="3323" y="879"/>
                </a:cubicBezTo>
                <a:lnTo>
                  <a:pt x="3363" y="882"/>
                </a:lnTo>
                <a:cubicBezTo>
                  <a:pt x="3363" y="882"/>
                  <a:pt x="3385" y="885"/>
                  <a:pt x="3405" y="876"/>
                </a:cubicBezTo>
                <a:lnTo>
                  <a:pt x="3473" y="849"/>
                </a:lnTo>
                <a:cubicBezTo>
                  <a:pt x="3515" y="826"/>
                  <a:pt x="3546" y="790"/>
                  <a:pt x="3566" y="739"/>
                </a:cubicBezTo>
                <a:lnTo>
                  <a:pt x="3566" y="685"/>
                </a:lnTo>
                <a:cubicBezTo>
                  <a:pt x="3560" y="649"/>
                  <a:pt x="3509" y="609"/>
                  <a:pt x="3411" y="564"/>
                </a:cubicBezTo>
                <a:lnTo>
                  <a:pt x="3382" y="567"/>
                </a:lnTo>
                <a:close/>
                <a:moveTo>
                  <a:pt x="3478" y="708"/>
                </a:moveTo>
                <a:lnTo>
                  <a:pt x="3484" y="708"/>
                </a:lnTo>
                <a:lnTo>
                  <a:pt x="3490" y="714"/>
                </a:lnTo>
                <a:cubicBezTo>
                  <a:pt x="3450" y="801"/>
                  <a:pt x="3413" y="843"/>
                  <a:pt x="3380" y="843"/>
                </a:cubicBezTo>
                <a:lnTo>
                  <a:pt x="3357" y="835"/>
                </a:lnTo>
                <a:lnTo>
                  <a:pt x="3357" y="829"/>
                </a:lnTo>
                <a:cubicBezTo>
                  <a:pt x="3416" y="750"/>
                  <a:pt x="3456" y="708"/>
                  <a:pt x="3478" y="708"/>
                </a:cubicBezTo>
                <a:close/>
                <a:moveTo>
                  <a:pt x="375" y="1147"/>
                </a:moveTo>
                <a:cubicBezTo>
                  <a:pt x="372" y="1187"/>
                  <a:pt x="347" y="1263"/>
                  <a:pt x="257" y="1263"/>
                </a:cubicBezTo>
                <a:cubicBezTo>
                  <a:pt x="178" y="1263"/>
                  <a:pt x="116" y="1206"/>
                  <a:pt x="116" y="1088"/>
                </a:cubicBezTo>
                <a:cubicBezTo>
                  <a:pt x="116" y="981"/>
                  <a:pt x="169" y="913"/>
                  <a:pt x="257" y="913"/>
                </a:cubicBezTo>
                <a:cubicBezTo>
                  <a:pt x="330" y="913"/>
                  <a:pt x="364" y="967"/>
                  <a:pt x="370" y="1003"/>
                </a:cubicBezTo>
                <a:lnTo>
                  <a:pt x="480" y="1003"/>
                </a:lnTo>
                <a:cubicBezTo>
                  <a:pt x="474" y="938"/>
                  <a:pt x="420" y="818"/>
                  <a:pt x="257" y="818"/>
                </a:cubicBezTo>
                <a:cubicBezTo>
                  <a:pt x="99" y="818"/>
                  <a:pt x="0" y="936"/>
                  <a:pt x="0" y="1088"/>
                </a:cubicBezTo>
                <a:cubicBezTo>
                  <a:pt x="0" y="1252"/>
                  <a:pt x="104" y="1359"/>
                  <a:pt x="257" y="1359"/>
                </a:cubicBezTo>
                <a:cubicBezTo>
                  <a:pt x="429" y="1359"/>
                  <a:pt x="482" y="1221"/>
                  <a:pt x="485" y="1147"/>
                </a:cubicBezTo>
                <a:lnTo>
                  <a:pt x="375" y="1147"/>
                </a:lnTo>
                <a:close/>
                <a:moveTo>
                  <a:pt x="646" y="826"/>
                </a:moveTo>
                <a:lnTo>
                  <a:pt x="539" y="826"/>
                </a:lnTo>
                <a:lnTo>
                  <a:pt x="539" y="919"/>
                </a:lnTo>
                <a:lnTo>
                  <a:pt x="649" y="919"/>
                </a:lnTo>
                <a:lnTo>
                  <a:pt x="649" y="826"/>
                </a:lnTo>
                <a:lnTo>
                  <a:pt x="646" y="826"/>
                </a:lnTo>
                <a:close/>
                <a:moveTo>
                  <a:pt x="646" y="969"/>
                </a:moveTo>
                <a:lnTo>
                  <a:pt x="539" y="969"/>
                </a:lnTo>
                <a:lnTo>
                  <a:pt x="539" y="1345"/>
                </a:lnTo>
                <a:lnTo>
                  <a:pt x="649" y="1345"/>
                </a:lnTo>
                <a:lnTo>
                  <a:pt x="649" y="969"/>
                </a:lnTo>
                <a:lnTo>
                  <a:pt x="646" y="969"/>
                </a:lnTo>
                <a:close/>
                <a:moveTo>
                  <a:pt x="703" y="1068"/>
                </a:moveTo>
                <a:cubicBezTo>
                  <a:pt x="703" y="1147"/>
                  <a:pt x="773" y="1173"/>
                  <a:pt x="813" y="1181"/>
                </a:cubicBezTo>
                <a:cubicBezTo>
                  <a:pt x="824" y="1184"/>
                  <a:pt x="852" y="1189"/>
                  <a:pt x="861" y="1192"/>
                </a:cubicBezTo>
                <a:cubicBezTo>
                  <a:pt x="900" y="1201"/>
                  <a:pt x="937" y="1209"/>
                  <a:pt x="937" y="1240"/>
                </a:cubicBezTo>
                <a:cubicBezTo>
                  <a:pt x="937" y="1263"/>
                  <a:pt x="914" y="1280"/>
                  <a:pt x="869" y="1280"/>
                </a:cubicBezTo>
                <a:cubicBezTo>
                  <a:pt x="827" y="1280"/>
                  <a:pt x="799" y="1257"/>
                  <a:pt x="796" y="1221"/>
                </a:cubicBezTo>
                <a:lnTo>
                  <a:pt x="691" y="1221"/>
                </a:lnTo>
                <a:cubicBezTo>
                  <a:pt x="694" y="1260"/>
                  <a:pt x="717" y="1353"/>
                  <a:pt x="869" y="1353"/>
                </a:cubicBezTo>
                <a:cubicBezTo>
                  <a:pt x="1010" y="1353"/>
                  <a:pt x="1050" y="1277"/>
                  <a:pt x="1050" y="1232"/>
                </a:cubicBezTo>
                <a:cubicBezTo>
                  <a:pt x="1050" y="1181"/>
                  <a:pt x="1019" y="1139"/>
                  <a:pt x="923" y="1116"/>
                </a:cubicBezTo>
                <a:cubicBezTo>
                  <a:pt x="917" y="1113"/>
                  <a:pt x="886" y="1108"/>
                  <a:pt x="875" y="1105"/>
                </a:cubicBezTo>
                <a:cubicBezTo>
                  <a:pt x="827" y="1094"/>
                  <a:pt x="813" y="1085"/>
                  <a:pt x="813" y="1060"/>
                </a:cubicBezTo>
                <a:cubicBezTo>
                  <a:pt x="813" y="1040"/>
                  <a:pt x="838" y="1029"/>
                  <a:pt x="863" y="1029"/>
                </a:cubicBezTo>
                <a:cubicBezTo>
                  <a:pt x="923" y="1029"/>
                  <a:pt x="934" y="1060"/>
                  <a:pt x="937" y="1077"/>
                </a:cubicBezTo>
                <a:lnTo>
                  <a:pt x="1041" y="1077"/>
                </a:lnTo>
                <a:cubicBezTo>
                  <a:pt x="1038" y="1040"/>
                  <a:pt x="1010" y="961"/>
                  <a:pt x="863" y="961"/>
                </a:cubicBezTo>
                <a:cubicBezTo>
                  <a:pt x="745" y="961"/>
                  <a:pt x="703" y="1020"/>
                  <a:pt x="703" y="1068"/>
                </a:cubicBezTo>
                <a:close/>
                <a:moveTo>
                  <a:pt x="1357" y="1209"/>
                </a:moveTo>
                <a:cubicBezTo>
                  <a:pt x="1349" y="1243"/>
                  <a:pt x="1326" y="1280"/>
                  <a:pt x="1278" y="1280"/>
                </a:cubicBezTo>
                <a:cubicBezTo>
                  <a:pt x="1219" y="1280"/>
                  <a:pt x="1191" y="1229"/>
                  <a:pt x="1191" y="1158"/>
                </a:cubicBezTo>
                <a:cubicBezTo>
                  <a:pt x="1191" y="1105"/>
                  <a:pt x="1211" y="1037"/>
                  <a:pt x="1278" y="1037"/>
                </a:cubicBezTo>
                <a:cubicBezTo>
                  <a:pt x="1321" y="1037"/>
                  <a:pt x="1346" y="1068"/>
                  <a:pt x="1354" y="1099"/>
                </a:cubicBezTo>
                <a:lnTo>
                  <a:pt x="1462" y="1099"/>
                </a:lnTo>
                <a:cubicBezTo>
                  <a:pt x="1456" y="1040"/>
                  <a:pt x="1411" y="958"/>
                  <a:pt x="1278" y="958"/>
                </a:cubicBezTo>
                <a:cubicBezTo>
                  <a:pt x="1160" y="958"/>
                  <a:pt x="1078" y="1035"/>
                  <a:pt x="1078" y="1156"/>
                </a:cubicBezTo>
                <a:cubicBezTo>
                  <a:pt x="1078" y="1278"/>
                  <a:pt x="1160" y="1353"/>
                  <a:pt x="1278" y="1353"/>
                </a:cubicBezTo>
                <a:cubicBezTo>
                  <a:pt x="1417" y="1353"/>
                  <a:pt x="1456" y="1266"/>
                  <a:pt x="1462" y="1206"/>
                </a:cubicBezTo>
                <a:lnTo>
                  <a:pt x="1357" y="1206"/>
                </a:lnTo>
                <a:lnTo>
                  <a:pt x="1357" y="1209"/>
                </a:lnTo>
                <a:close/>
                <a:moveTo>
                  <a:pt x="1693" y="1356"/>
                </a:moveTo>
                <a:cubicBezTo>
                  <a:pt x="1809" y="1356"/>
                  <a:pt x="1893" y="1280"/>
                  <a:pt x="1893" y="1158"/>
                </a:cubicBezTo>
                <a:cubicBezTo>
                  <a:pt x="1893" y="1034"/>
                  <a:pt x="1809" y="961"/>
                  <a:pt x="1693" y="961"/>
                </a:cubicBezTo>
                <a:cubicBezTo>
                  <a:pt x="1575" y="961"/>
                  <a:pt x="1493" y="1037"/>
                  <a:pt x="1493" y="1158"/>
                </a:cubicBezTo>
                <a:cubicBezTo>
                  <a:pt x="1493" y="1280"/>
                  <a:pt x="1575" y="1356"/>
                  <a:pt x="1693" y="1356"/>
                </a:cubicBezTo>
                <a:close/>
                <a:moveTo>
                  <a:pt x="1778" y="1158"/>
                </a:moveTo>
                <a:cubicBezTo>
                  <a:pt x="1778" y="1221"/>
                  <a:pt x="1752" y="1280"/>
                  <a:pt x="1690" y="1280"/>
                </a:cubicBezTo>
                <a:cubicBezTo>
                  <a:pt x="1631" y="1280"/>
                  <a:pt x="1603" y="1229"/>
                  <a:pt x="1603" y="1158"/>
                </a:cubicBezTo>
                <a:cubicBezTo>
                  <a:pt x="1603" y="1108"/>
                  <a:pt x="1623" y="1037"/>
                  <a:pt x="1690" y="1037"/>
                </a:cubicBezTo>
                <a:cubicBezTo>
                  <a:pt x="1752" y="1037"/>
                  <a:pt x="1778" y="1096"/>
                  <a:pt x="1778" y="1158"/>
                </a:cubicBezTo>
                <a:close/>
              </a:path>
            </a:pathLst>
          </a:cu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en-US" sz="2400" dirty="0">
              <a:latin typeface="CiscoSansTT Light" panose="020B0503020201020303" pitchFamily="34" charset="0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F9E04D8-EF0C-A74A-B20F-9790D972516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defTabSz="814305"/>
            <a:r>
              <a:rPr lang="en-GB"/>
              <a:t>BRKSDN-237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5505942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739612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25995" y="5142315"/>
            <a:ext cx="11061895" cy="384175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2400" b="0" i="0">
                <a:solidFill>
                  <a:schemeClr val="bg1">
                    <a:lumMod val="75000"/>
                  </a:schemeClr>
                </a:solidFill>
                <a:latin typeface="+mn-lt"/>
                <a:cs typeface="CiscoSansTT ExtraLight"/>
              </a:defRPr>
            </a:lvl1pPr>
            <a:lvl2pPr marL="45713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2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4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5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6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81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0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625995" y="5430226"/>
            <a:ext cx="11061895" cy="384175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2400" b="0" i="0" kern="1200" dirty="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625995" y="5798350"/>
            <a:ext cx="11061895" cy="384175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2400" b="0" i="0" kern="1200" dirty="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17723" y="4058205"/>
            <a:ext cx="11070167" cy="398668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933" b="0" i="0" baseline="0">
                <a:solidFill>
                  <a:schemeClr val="bg1">
                    <a:lumMod val="75000"/>
                  </a:schemeClr>
                </a:solidFill>
                <a:latin typeface="+mj-lt"/>
                <a:cs typeface="CiscoSansTT ExtraLight"/>
              </a:defRPr>
            </a:lvl1pPr>
            <a:lvl2pPr marL="406365" indent="0">
              <a:buNone/>
              <a:defRPr/>
            </a:lvl2pPr>
            <a:lvl3pPr marL="569854" indent="0">
              <a:buNone/>
              <a:defRPr/>
            </a:lvl3pPr>
            <a:lvl4pPr marL="688908" indent="0">
              <a:buNone/>
              <a:defRPr/>
            </a:lvl4pPr>
            <a:lvl5pPr marL="801608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567687" y="3296223"/>
            <a:ext cx="11120203" cy="85964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333" b="0" i="0" spc="0" baseline="0">
                <a:solidFill>
                  <a:schemeClr val="bg1">
                    <a:lumMod val="75000"/>
                  </a:schemeClr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/>
        </p:nvSpPr>
        <p:spPr bwMode="auto">
          <a:xfrm>
            <a:off x="625995" y="521745"/>
            <a:ext cx="1060704" cy="563500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121920" tIns="60960" rIns="121920" bIns="6096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chemeClr val="bg1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5924140"/>
      </p:ext>
    </p:extLst>
  </p:cSld>
  <p:clrMapOvr>
    <a:masterClrMapping/>
  </p:clrMapOvr>
  <p:hf hdr="0" ftr="0" dt="0"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555233" y="1220545"/>
            <a:ext cx="10130723" cy="3426595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6133" b="0" i="0" spc="0" baseline="0">
                <a:solidFill>
                  <a:schemeClr val="bg1">
                    <a:lumMod val="75000"/>
                  </a:schemeClr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2210929"/>
      </p:ext>
    </p:extLst>
  </p:cSld>
  <p:clrMapOvr>
    <a:masterClrMapping/>
  </p:clrMapOvr>
  <p:hf hdr="0" ftr="0" dt="0"/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624417" y="5221411"/>
            <a:ext cx="10389144" cy="465808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804747">
              <a:lnSpc>
                <a:spcPct val="100000"/>
              </a:lnSpc>
              <a:spcBef>
                <a:spcPct val="50000"/>
              </a:spcBef>
              <a:buNone/>
              <a:defRPr sz="2933" b="0" i="0">
                <a:solidFill>
                  <a:schemeClr val="bg1">
                    <a:lumMod val="75000"/>
                  </a:schemeClr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383897" y="2054069"/>
            <a:ext cx="10629664" cy="3038449"/>
          </a:xfrm>
          <a:prstGeom prst="rect">
            <a:avLst/>
          </a:prstGeom>
        </p:spPr>
        <p:txBody>
          <a:bodyPr>
            <a:noAutofit/>
          </a:bodyPr>
          <a:lstStyle>
            <a:lvl1pPr marL="244794" indent="-533277" algn="l">
              <a:lnSpc>
                <a:spcPct val="90000"/>
              </a:lnSpc>
              <a:defRPr sz="5333" b="0" i="1" spc="0" baseline="0">
                <a:solidFill>
                  <a:schemeClr val="bg1">
                    <a:lumMod val="75000"/>
                  </a:schemeClr>
                </a:solidFill>
                <a:latin typeface="+mj-lt"/>
                <a:cs typeface="CiscoSans Thin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62264"/>
      </p:ext>
    </p:extLst>
  </p:cSld>
  <p:clrMapOvr>
    <a:masterClrMapping/>
  </p:clrMapOvr>
  <p:hf hdr="0" ftr="0" dt="0"/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6464" cy="68580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876475221"/>
      </p:ext>
    </p:extLst>
  </p:cSld>
  <p:clrMapOvr>
    <a:masterClrMapping/>
  </p:clrMapOvr>
  <p:hf hdr="0" ftr="0" dt="0"/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24267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+mj-lt"/>
            </a:endParaRPr>
          </a:p>
        </p:txBody>
      </p:sp>
      <p:sp>
        <p:nvSpPr>
          <p:cNvPr id="5" name="Rectangle 4"/>
          <p:cNvSpPr>
            <a:spLocks noChangeArrowheads="1"/>
          </p:cNvSpPr>
          <p:nvPr/>
        </p:nvSpPr>
        <p:spPr bwMode="ltGray">
          <a:xfrm>
            <a:off x="636906" y="6322205"/>
            <a:ext cx="462238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10683" y="320842"/>
            <a:ext cx="11307184" cy="5688861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636806388"/>
      </p:ext>
    </p:extLst>
  </p:cSld>
  <p:clrMapOvr>
    <a:masterClrMapping/>
  </p:clrMapOvr>
  <p:hf hdr="0" ftr="0" dt="0"/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616401" y="1602317"/>
            <a:ext cx="11036459" cy="4519083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304792" indent="-228594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8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609585" indent="-220128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914377" indent="-146047">
              <a:buClr>
                <a:schemeClr val="tx1"/>
              </a:buClr>
              <a:buSzPct val="8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1214683" indent="-228548">
              <a:buClr>
                <a:schemeClr val="tx1"/>
              </a:buClr>
              <a:buSzPct val="8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443231" indent="-224314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74686462"/>
      </p:ext>
    </p:extLst>
  </p:cSld>
  <p:clrMapOvr>
    <a:masterClrMapping/>
  </p:clrMapOvr>
  <p:hf hdr="0" ftr="0" dt="0"/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711199" y="1607864"/>
            <a:ext cx="5181600" cy="4110792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341155" y="1607864"/>
            <a:ext cx="5181600" cy="4110792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7668065"/>
      </p:ext>
    </p:extLst>
  </p:cSld>
  <p:clrMapOvr>
    <a:masterClrMapping/>
  </p:clrMapOvr>
  <p:hf hdr="0" ftr="0" dt="0"/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5918267"/>
      </p:ext>
    </p:extLst>
  </p:cSld>
  <p:clrMapOvr>
    <a:masterClrMapping/>
  </p:clrMapOvr>
  <p:transition spd="med"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1" y="2"/>
            <a:ext cx="12401551" cy="3790949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598380" y="4072691"/>
            <a:ext cx="11152315" cy="716158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4267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20138162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109529389"/>
      </p:ext>
    </p:extLst>
  </p:cSld>
  <p:clrMapOvr>
    <a:masterClrMapping/>
  </p:clrMapOvr>
  <p:hf hdr="0" ftr="0" dt="0"/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Freeform 6"/>
          <p:cNvSpPr>
            <a:spLocks noChangeAspect="1" noEditPoints="1"/>
          </p:cNvSpPr>
          <p:nvPr/>
        </p:nvSpPr>
        <p:spPr bwMode="auto">
          <a:xfrm>
            <a:off x="5017326" y="2838769"/>
            <a:ext cx="2157349" cy="114609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121920" tIns="60960" rIns="121920" bIns="6096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03498130"/>
      </p:ext>
    </p:extLst>
  </p:cSld>
  <p:clrMapOvr>
    <a:masterClrMapping/>
  </p:clrMapOvr>
  <p:hf hdr="0" ftr="0" dt="0"/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Bullet 4 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91995" y="260908"/>
            <a:ext cx="11021484" cy="579965"/>
          </a:xfrm>
        </p:spPr>
        <p:txBody>
          <a:bodyPr/>
          <a:lstStyle>
            <a:lvl1pPr>
              <a:defRPr lang="en-US" sz="3733" b="0" i="0" u="none" kern="1200" dirty="0">
                <a:solidFill>
                  <a:schemeClr val="tx2"/>
                </a:solidFill>
                <a:latin typeface="CiscoSansTT Light" panose="020B0503020201020303" pitchFamily="34" charset="0"/>
                <a:ea typeface="CiscoSansTT Light" panose="020B0503020201020303" pitchFamily="34" charset="0"/>
                <a:cs typeface="CiscoSansTT Light" panose="020B05030202010203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592749" y="840874"/>
            <a:ext cx="11020332" cy="5462129"/>
          </a:xfrm>
          <a:prstGeom prst="rect">
            <a:avLst/>
          </a:prstGeom>
        </p:spPr>
        <p:txBody>
          <a:bodyPr/>
          <a:lstStyle>
            <a:lvl1pPr>
              <a:spcBef>
                <a:spcPts val="1433"/>
              </a:spcBef>
              <a:buClr>
                <a:schemeClr val="tx1"/>
              </a:buClr>
              <a:buSzPct val="80000"/>
              <a:defRPr sz="2667">
                <a:latin typeface="CiscoSansTT Light" panose="020B0503020201020303" pitchFamily="34" charset="0"/>
              </a:defRPr>
            </a:lvl1pPr>
            <a:lvl2pPr marL="455073" indent="-228594">
              <a:spcBef>
                <a:spcPts val="800"/>
              </a:spcBef>
              <a:buClr>
                <a:schemeClr val="tx1"/>
              </a:buClr>
              <a:buSzPct val="80000"/>
              <a:defRPr sz="2400">
                <a:latin typeface="CiscoSansTT Light" panose="020B0503020201020303" pitchFamily="34" charset="0"/>
              </a:defRPr>
            </a:lvl2pPr>
            <a:lvl3pPr marL="681550" indent="-226478">
              <a:spcBef>
                <a:spcPts val="800"/>
              </a:spcBef>
              <a:buClr>
                <a:schemeClr val="tx1"/>
              </a:buClr>
              <a:buSzPct val="80000"/>
              <a:defRPr sz="2133">
                <a:latin typeface="CiscoSansTT Light" panose="020B0503020201020303" pitchFamily="34" charset="0"/>
              </a:defRPr>
            </a:lvl3pPr>
            <a:lvl4pPr>
              <a:buClr>
                <a:schemeClr val="tx1"/>
              </a:buClr>
              <a:defRPr sz="2133">
                <a:latin typeface="CiscoSansTT Light" panose="020B0503020201020303" pitchFamily="34" charset="0"/>
              </a:defRPr>
            </a:lvl4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4" name="Rectangle 4">
            <a:extLst>
              <a:ext uri="{FF2B5EF4-FFF2-40B4-BE49-F238E27FC236}">
                <a16:creationId xmlns:a16="http://schemas.microsoft.com/office/drawing/2014/main" id="{AED59B0F-C472-469F-8983-6C5A6F04ED5F}"/>
              </a:ext>
            </a:extLst>
          </p:cNvPr>
          <p:cNvSpPr>
            <a:spLocks noChangeArrowheads="1"/>
          </p:cNvSpPr>
          <p:nvPr/>
        </p:nvSpPr>
        <p:spPr bwMode="black">
          <a:xfrm>
            <a:off x="7799900" y="6595873"/>
            <a:ext cx="339261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marL="0" marR="0" lvl="0" indent="0" algn="r" defTabSz="814305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CiscoSansTT Light" panose="020B0503020201020303" pitchFamily="34" charset="0"/>
                <a:ea typeface="ＭＳ Ｐゴシック" charset="0"/>
                <a:cs typeface="CiscoSansTT Light" panose="020B0503020201020303" pitchFamily="34" charset="0"/>
              </a:rPr>
              <a:t>© 2018  Cisco and/or its affiliates. All rights reserved.   Cisco Public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B810A9CF-C747-2B40-A1E3-3B19743F3386}"/>
              </a:ext>
            </a:extLst>
          </p:cNvPr>
          <p:cNvSpPr txBox="1"/>
          <p:nvPr/>
        </p:nvSpPr>
        <p:spPr>
          <a:xfrm>
            <a:off x="5783255" y="6577313"/>
            <a:ext cx="625491" cy="256545"/>
          </a:xfrm>
          <a:prstGeom prst="rect">
            <a:avLst/>
          </a:prstGeom>
          <a:noFill/>
        </p:spPr>
        <p:txBody>
          <a:bodyPr wrap="none" rtlCol="0" anchor="b">
            <a:spAutoFit/>
          </a:bodyPr>
          <a:lstStyle/>
          <a:p>
            <a:pPr marL="0" marR="0" lvl="0" indent="0" algn="ctr" defTabSz="609585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CiscoSansTT Light" panose="020B0503020201020303" pitchFamily="34" charset="0"/>
                <a:ea typeface="ＭＳ Ｐゴシック" charset="0"/>
                <a:cs typeface="CiscoSansTT Light" panose="020B0503020201020303" pitchFamily="34" charset="0"/>
              </a:rPr>
              <a:t>#CLUS</a:t>
            </a:r>
          </a:p>
        </p:txBody>
      </p:sp>
      <p:sp>
        <p:nvSpPr>
          <p:cNvPr id="27" name="Slide Number Placeholder 1"/>
          <p:cNvSpPr>
            <a:spLocks noGrp="1"/>
          </p:cNvSpPr>
          <p:nvPr>
            <p:ph type="sldNum" sz="quarter" idx="4"/>
          </p:nvPr>
        </p:nvSpPr>
        <p:spPr>
          <a:xfrm>
            <a:off x="11160200" y="6507857"/>
            <a:ext cx="479555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en-US" sz="800" kern="1200" smtClean="0">
                <a:solidFill>
                  <a:schemeClr val="tx1"/>
                </a:solidFill>
                <a:latin typeface="CiscoSansTT Light" panose="020B0503020201020303" pitchFamily="34" charset="0"/>
                <a:ea typeface="+mn-ea"/>
                <a:cs typeface="CiscoSans Thin"/>
              </a:defRPr>
            </a:lvl1pPr>
          </a:lstStyle>
          <a:p>
            <a:fld id="{96A97DD0-5BE7-4856-A2A9-C42C6688E60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Freeform 1">
            <a:extLst>
              <a:ext uri="{FF2B5EF4-FFF2-40B4-BE49-F238E27FC236}">
                <a16:creationId xmlns:a16="http://schemas.microsoft.com/office/drawing/2014/main" id="{55C743F1-7825-490A-9D55-CF909A54ADCA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715224" y="6380606"/>
            <a:ext cx="1097280" cy="368933"/>
          </a:xfrm>
          <a:custGeom>
            <a:avLst/>
            <a:gdLst>
              <a:gd name="T0" fmla="*/ 3628 w 4066"/>
              <a:gd name="T1" fmla="*/ 826 h 1365"/>
              <a:gd name="T2" fmla="*/ 3718 w 4066"/>
              <a:gd name="T3" fmla="*/ 964 h 1365"/>
              <a:gd name="T4" fmla="*/ 3811 w 4066"/>
              <a:gd name="T5" fmla="*/ 668 h 1365"/>
              <a:gd name="T6" fmla="*/ 4065 w 4066"/>
              <a:gd name="T7" fmla="*/ 98 h 1365"/>
              <a:gd name="T8" fmla="*/ 4000 w 4066"/>
              <a:gd name="T9" fmla="*/ 17 h 1365"/>
              <a:gd name="T10" fmla="*/ 3679 w 4066"/>
              <a:gd name="T11" fmla="*/ 626 h 1365"/>
              <a:gd name="T12" fmla="*/ 3554 w 4066"/>
              <a:gd name="T13" fmla="*/ 1359 h 1365"/>
              <a:gd name="T14" fmla="*/ 3659 w 4066"/>
              <a:gd name="T15" fmla="*/ 1062 h 1365"/>
              <a:gd name="T16" fmla="*/ 3507 w 4066"/>
              <a:gd name="T17" fmla="*/ 1308 h 1365"/>
              <a:gd name="T18" fmla="*/ 1989 w 4066"/>
              <a:gd name="T19" fmla="*/ 1161 h 1365"/>
              <a:gd name="T20" fmla="*/ 2169 w 4066"/>
              <a:gd name="T21" fmla="*/ 203 h 1365"/>
              <a:gd name="T22" fmla="*/ 2189 w 4066"/>
              <a:gd name="T23" fmla="*/ 155 h 1365"/>
              <a:gd name="T24" fmla="*/ 2169 w 4066"/>
              <a:gd name="T25" fmla="*/ 747 h 1365"/>
              <a:gd name="T26" fmla="*/ 2183 w 4066"/>
              <a:gd name="T27" fmla="*/ 1359 h 1365"/>
              <a:gd name="T28" fmla="*/ 2465 w 4066"/>
              <a:gd name="T29" fmla="*/ 550 h 1365"/>
              <a:gd name="T30" fmla="*/ 2491 w 4066"/>
              <a:gd name="T31" fmla="*/ 389 h 1365"/>
              <a:gd name="T32" fmla="*/ 2392 w 4066"/>
              <a:gd name="T33" fmla="*/ 1283 h 1365"/>
              <a:gd name="T34" fmla="*/ 2395 w 4066"/>
              <a:gd name="T35" fmla="*/ 989 h 1365"/>
              <a:gd name="T36" fmla="*/ 2361 w 4066"/>
              <a:gd name="T37" fmla="*/ 612 h 1365"/>
              <a:gd name="T38" fmla="*/ 2268 w 4066"/>
              <a:gd name="T39" fmla="*/ 1300 h 1365"/>
              <a:gd name="T40" fmla="*/ 3092 w 4066"/>
              <a:gd name="T41" fmla="*/ 778 h 1365"/>
              <a:gd name="T42" fmla="*/ 3001 w 4066"/>
              <a:gd name="T43" fmla="*/ 907 h 1365"/>
              <a:gd name="T44" fmla="*/ 2784 w 4066"/>
              <a:gd name="T45" fmla="*/ 1356 h 1365"/>
              <a:gd name="T46" fmla="*/ 2654 w 4066"/>
              <a:gd name="T47" fmla="*/ 1311 h 1365"/>
              <a:gd name="T48" fmla="*/ 2553 w 4066"/>
              <a:gd name="T49" fmla="*/ 694 h 1365"/>
              <a:gd name="T50" fmla="*/ 2770 w 4066"/>
              <a:gd name="T51" fmla="*/ 762 h 1365"/>
              <a:gd name="T52" fmla="*/ 2770 w 4066"/>
              <a:gd name="T53" fmla="*/ 818 h 1365"/>
              <a:gd name="T54" fmla="*/ 2778 w 4066"/>
              <a:gd name="T55" fmla="*/ 1088 h 1365"/>
              <a:gd name="T56" fmla="*/ 2815 w 4066"/>
              <a:gd name="T57" fmla="*/ 1094 h 1365"/>
              <a:gd name="T58" fmla="*/ 3151 w 4066"/>
              <a:gd name="T59" fmla="*/ 508 h 1365"/>
              <a:gd name="T60" fmla="*/ 3092 w 4066"/>
              <a:gd name="T61" fmla="*/ 778 h 1365"/>
              <a:gd name="T62" fmla="*/ 3227 w 4066"/>
              <a:gd name="T63" fmla="*/ 739 h 1365"/>
              <a:gd name="T64" fmla="*/ 3165 w 4066"/>
              <a:gd name="T65" fmla="*/ 843 h 1365"/>
              <a:gd name="T66" fmla="*/ 3123 w 4066"/>
              <a:gd name="T67" fmla="*/ 1277 h 1365"/>
              <a:gd name="T68" fmla="*/ 3346 w 4066"/>
              <a:gd name="T69" fmla="*/ 1291 h 1365"/>
              <a:gd name="T70" fmla="*/ 3439 w 4066"/>
              <a:gd name="T71" fmla="*/ 1108 h 1365"/>
              <a:gd name="T72" fmla="*/ 3213 w 4066"/>
              <a:gd name="T73" fmla="*/ 1271 h 1365"/>
              <a:gd name="T74" fmla="*/ 3405 w 4066"/>
              <a:gd name="T75" fmla="*/ 876 h 1365"/>
              <a:gd name="T76" fmla="*/ 3566 w 4066"/>
              <a:gd name="T77" fmla="*/ 685 h 1365"/>
              <a:gd name="T78" fmla="*/ 3478 w 4066"/>
              <a:gd name="T79" fmla="*/ 708 h 1365"/>
              <a:gd name="T80" fmla="*/ 3380 w 4066"/>
              <a:gd name="T81" fmla="*/ 843 h 1365"/>
              <a:gd name="T82" fmla="*/ 3478 w 4066"/>
              <a:gd name="T83" fmla="*/ 708 h 1365"/>
              <a:gd name="T84" fmla="*/ 116 w 4066"/>
              <a:gd name="T85" fmla="*/ 1088 h 1365"/>
              <a:gd name="T86" fmla="*/ 480 w 4066"/>
              <a:gd name="T87" fmla="*/ 1003 h 1365"/>
              <a:gd name="T88" fmla="*/ 257 w 4066"/>
              <a:gd name="T89" fmla="*/ 1359 h 1365"/>
              <a:gd name="T90" fmla="*/ 646 w 4066"/>
              <a:gd name="T91" fmla="*/ 826 h 1365"/>
              <a:gd name="T92" fmla="*/ 649 w 4066"/>
              <a:gd name="T93" fmla="*/ 919 h 1365"/>
              <a:gd name="T94" fmla="*/ 646 w 4066"/>
              <a:gd name="T95" fmla="*/ 969 h 1365"/>
              <a:gd name="T96" fmla="*/ 649 w 4066"/>
              <a:gd name="T97" fmla="*/ 1345 h 1365"/>
              <a:gd name="T98" fmla="*/ 703 w 4066"/>
              <a:gd name="T99" fmla="*/ 1068 h 1365"/>
              <a:gd name="T100" fmla="*/ 937 w 4066"/>
              <a:gd name="T101" fmla="*/ 1240 h 1365"/>
              <a:gd name="T102" fmla="*/ 691 w 4066"/>
              <a:gd name="T103" fmla="*/ 1221 h 1365"/>
              <a:gd name="T104" fmla="*/ 923 w 4066"/>
              <a:gd name="T105" fmla="*/ 1116 h 1365"/>
              <a:gd name="T106" fmla="*/ 863 w 4066"/>
              <a:gd name="T107" fmla="*/ 1029 h 1365"/>
              <a:gd name="T108" fmla="*/ 863 w 4066"/>
              <a:gd name="T109" fmla="*/ 961 h 1365"/>
              <a:gd name="T110" fmla="*/ 1278 w 4066"/>
              <a:gd name="T111" fmla="*/ 1280 h 1365"/>
              <a:gd name="T112" fmla="*/ 1354 w 4066"/>
              <a:gd name="T113" fmla="*/ 1099 h 1365"/>
              <a:gd name="T114" fmla="*/ 1078 w 4066"/>
              <a:gd name="T115" fmla="*/ 1156 h 1365"/>
              <a:gd name="T116" fmla="*/ 1357 w 4066"/>
              <a:gd name="T117" fmla="*/ 1206 h 1365"/>
              <a:gd name="T118" fmla="*/ 1893 w 4066"/>
              <a:gd name="T119" fmla="*/ 1158 h 1365"/>
              <a:gd name="T120" fmla="*/ 1693 w 4066"/>
              <a:gd name="T121" fmla="*/ 1356 h 1365"/>
              <a:gd name="T122" fmla="*/ 1603 w 4066"/>
              <a:gd name="T123" fmla="*/ 1158 h 13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066" h="1365">
                <a:moveTo>
                  <a:pt x="3679" y="626"/>
                </a:moveTo>
                <a:cubicBezTo>
                  <a:pt x="3659" y="674"/>
                  <a:pt x="3650" y="708"/>
                  <a:pt x="3650" y="728"/>
                </a:cubicBezTo>
                <a:cubicBezTo>
                  <a:pt x="3636" y="753"/>
                  <a:pt x="3628" y="807"/>
                  <a:pt x="3628" y="826"/>
                </a:cubicBezTo>
                <a:lnTo>
                  <a:pt x="3628" y="849"/>
                </a:lnTo>
                <a:lnTo>
                  <a:pt x="3665" y="907"/>
                </a:lnTo>
                <a:cubicBezTo>
                  <a:pt x="3684" y="936"/>
                  <a:pt x="3662" y="944"/>
                  <a:pt x="3718" y="964"/>
                </a:cubicBezTo>
                <a:cubicBezTo>
                  <a:pt x="3738" y="964"/>
                  <a:pt x="3752" y="950"/>
                  <a:pt x="3763" y="919"/>
                </a:cubicBezTo>
                <a:lnTo>
                  <a:pt x="3763" y="910"/>
                </a:lnTo>
                <a:cubicBezTo>
                  <a:pt x="3763" y="838"/>
                  <a:pt x="3789" y="739"/>
                  <a:pt x="3811" y="668"/>
                </a:cubicBezTo>
                <a:cubicBezTo>
                  <a:pt x="3811" y="637"/>
                  <a:pt x="3840" y="541"/>
                  <a:pt x="3938" y="307"/>
                </a:cubicBezTo>
                <a:cubicBezTo>
                  <a:pt x="3938" y="282"/>
                  <a:pt x="3961" y="234"/>
                  <a:pt x="4006" y="160"/>
                </a:cubicBezTo>
                <a:cubicBezTo>
                  <a:pt x="4043" y="98"/>
                  <a:pt x="4054" y="107"/>
                  <a:pt x="4065" y="98"/>
                </a:cubicBezTo>
                <a:lnTo>
                  <a:pt x="4065" y="62"/>
                </a:lnTo>
                <a:lnTo>
                  <a:pt x="4051" y="48"/>
                </a:lnTo>
                <a:cubicBezTo>
                  <a:pt x="4051" y="48"/>
                  <a:pt x="4037" y="34"/>
                  <a:pt x="4000" y="17"/>
                </a:cubicBezTo>
                <a:cubicBezTo>
                  <a:pt x="4000" y="17"/>
                  <a:pt x="3964" y="0"/>
                  <a:pt x="3950" y="0"/>
                </a:cubicBezTo>
                <a:cubicBezTo>
                  <a:pt x="3938" y="0"/>
                  <a:pt x="3916" y="22"/>
                  <a:pt x="3893" y="67"/>
                </a:cubicBezTo>
                <a:lnTo>
                  <a:pt x="3679" y="626"/>
                </a:lnTo>
                <a:close/>
                <a:moveTo>
                  <a:pt x="3507" y="1308"/>
                </a:moveTo>
                <a:cubicBezTo>
                  <a:pt x="3507" y="1333"/>
                  <a:pt x="3481" y="1342"/>
                  <a:pt x="3509" y="1359"/>
                </a:cubicBezTo>
                <a:lnTo>
                  <a:pt x="3554" y="1359"/>
                </a:lnTo>
                <a:cubicBezTo>
                  <a:pt x="3605" y="1333"/>
                  <a:pt x="3622" y="1291"/>
                  <a:pt x="3684" y="1150"/>
                </a:cubicBezTo>
                <a:lnTo>
                  <a:pt x="3684" y="1119"/>
                </a:lnTo>
                <a:cubicBezTo>
                  <a:pt x="3684" y="1099"/>
                  <a:pt x="3701" y="1091"/>
                  <a:pt x="3659" y="1062"/>
                </a:cubicBezTo>
                <a:lnTo>
                  <a:pt x="3648" y="1062"/>
                </a:lnTo>
                <a:cubicBezTo>
                  <a:pt x="3566" y="1062"/>
                  <a:pt x="3546" y="1102"/>
                  <a:pt x="3507" y="1266"/>
                </a:cubicBezTo>
                <a:lnTo>
                  <a:pt x="3507" y="1308"/>
                </a:lnTo>
                <a:close/>
                <a:moveTo>
                  <a:pt x="2183" y="1359"/>
                </a:moveTo>
                <a:cubicBezTo>
                  <a:pt x="2149" y="1359"/>
                  <a:pt x="2101" y="1328"/>
                  <a:pt x="2039" y="1268"/>
                </a:cubicBezTo>
                <a:cubicBezTo>
                  <a:pt x="2009" y="1232"/>
                  <a:pt x="1992" y="1195"/>
                  <a:pt x="1989" y="1161"/>
                </a:cubicBezTo>
                <a:cubicBezTo>
                  <a:pt x="1989" y="1065"/>
                  <a:pt x="1984" y="1012"/>
                  <a:pt x="2070" y="618"/>
                </a:cubicBezTo>
                <a:cubicBezTo>
                  <a:pt x="2084" y="581"/>
                  <a:pt x="2087" y="558"/>
                  <a:pt x="2146" y="307"/>
                </a:cubicBezTo>
                <a:lnTo>
                  <a:pt x="2169" y="203"/>
                </a:lnTo>
                <a:cubicBezTo>
                  <a:pt x="2177" y="160"/>
                  <a:pt x="2180" y="158"/>
                  <a:pt x="2180" y="158"/>
                </a:cubicBezTo>
                <a:lnTo>
                  <a:pt x="2183" y="155"/>
                </a:lnTo>
                <a:lnTo>
                  <a:pt x="2189" y="155"/>
                </a:lnTo>
                <a:cubicBezTo>
                  <a:pt x="2271" y="177"/>
                  <a:pt x="2310" y="208"/>
                  <a:pt x="2310" y="245"/>
                </a:cubicBezTo>
                <a:cubicBezTo>
                  <a:pt x="2310" y="276"/>
                  <a:pt x="2307" y="290"/>
                  <a:pt x="2262" y="395"/>
                </a:cubicBezTo>
                <a:cubicBezTo>
                  <a:pt x="2217" y="499"/>
                  <a:pt x="2231" y="443"/>
                  <a:pt x="2169" y="747"/>
                </a:cubicBezTo>
                <a:cubicBezTo>
                  <a:pt x="2155" y="818"/>
                  <a:pt x="2141" y="952"/>
                  <a:pt x="2124" y="1153"/>
                </a:cubicBezTo>
                <a:cubicBezTo>
                  <a:pt x="2135" y="1268"/>
                  <a:pt x="2144" y="1305"/>
                  <a:pt x="2169" y="1305"/>
                </a:cubicBezTo>
                <a:lnTo>
                  <a:pt x="2183" y="1359"/>
                </a:lnTo>
                <a:close/>
                <a:moveTo>
                  <a:pt x="2485" y="392"/>
                </a:moveTo>
                <a:cubicBezTo>
                  <a:pt x="2471" y="395"/>
                  <a:pt x="2457" y="446"/>
                  <a:pt x="2448" y="544"/>
                </a:cubicBezTo>
                <a:lnTo>
                  <a:pt x="2465" y="550"/>
                </a:lnTo>
                <a:cubicBezTo>
                  <a:pt x="2493" y="547"/>
                  <a:pt x="2530" y="513"/>
                  <a:pt x="2570" y="451"/>
                </a:cubicBezTo>
                <a:lnTo>
                  <a:pt x="2570" y="443"/>
                </a:lnTo>
                <a:cubicBezTo>
                  <a:pt x="2567" y="423"/>
                  <a:pt x="2541" y="406"/>
                  <a:pt x="2491" y="389"/>
                </a:cubicBezTo>
                <a:lnTo>
                  <a:pt x="2485" y="392"/>
                </a:lnTo>
                <a:close/>
                <a:moveTo>
                  <a:pt x="2400" y="1305"/>
                </a:moveTo>
                <a:lnTo>
                  <a:pt x="2392" y="1283"/>
                </a:lnTo>
                <a:cubicBezTo>
                  <a:pt x="2386" y="1175"/>
                  <a:pt x="2389" y="1108"/>
                  <a:pt x="2395" y="1077"/>
                </a:cubicBezTo>
                <a:lnTo>
                  <a:pt x="2386" y="1054"/>
                </a:lnTo>
                <a:cubicBezTo>
                  <a:pt x="2386" y="1012"/>
                  <a:pt x="2389" y="992"/>
                  <a:pt x="2395" y="989"/>
                </a:cubicBezTo>
                <a:cubicBezTo>
                  <a:pt x="2406" y="921"/>
                  <a:pt x="2417" y="885"/>
                  <a:pt x="2426" y="879"/>
                </a:cubicBezTo>
                <a:cubicBezTo>
                  <a:pt x="2429" y="835"/>
                  <a:pt x="2454" y="776"/>
                  <a:pt x="2499" y="702"/>
                </a:cubicBezTo>
                <a:cubicBezTo>
                  <a:pt x="2496" y="680"/>
                  <a:pt x="2451" y="649"/>
                  <a:pt x="2361" y="612"/>
                </a:cubicBezTo>
                <a:cubicBezTo>
                  <a:pt x="2338" y="615"/>
                  <a:pt x="2316" y="663"/>
                  <a:pt x="2299" y="759"/>
                </a:cubicBezTo>
                <a:cubicBezTo>
                  <a:pt x="2248" y="969"/>
                  <a:pt x="2228" y="1122"/>
                  <a:pt x="2239" y="1209"/>
                </a:cubicBezTo>
                <a:cubicBezTo>
                  <a:pt x="2248" y="1271"/>
                  <a:pt x="2256" y="1302"/>
                  <a:pt x="2268" y="1300"/>
                </a:cubicBezTo>
                <a:cubicBezTo>
                  <a:pt x="2310" y="1345"/>
                  <a:pt x="2355" y="1364"/>
                  <a:pt x="2409" y="1359"/>
                </a:cubicBezTo>
                <a:lnTo>
                  <a:pt x="2400" y="1305"/>
                </a:lnTo>
                <a:close/>
                <a:moveTo>
                  <a:pt x="3092" y="778"/>
                </a:moveTo>
                <a:cubicBezTo>
                  <a:pt x="3052" y="829"/>
                  <a:pt x="3049" y="829"/>
                  <a:pt x="3049" y="829"/>
                </a:cubicBezTo>
                <a:lnTo>
                  <a:pt x="3047" y="829"/>
                </a:lnTo>
                <a:cubicBezTo>
                  <a:pt x="3038" y="835"/>
                  <a:pt x="3024" y="859"/>
                  <a:pt x="3001" y="907"/>
                </a:cubicBezTo>
                <a:cubicBezTo>
                  <a:pt x="2984" y="924"/>
                  <a:pt x="2945" y="1003"/>
                  <a:pt x="2880" y="1139"/>
                </a:cubicBezTo>
                <a:lnTo>
                  <a:pt x="2812" y="1294"/>
                </a:lnTo>
                <a:cubicBezTo>
                  <a:pt x="2787" y="1353"/>
                  <a:pt x="2784" y="1356"/>
                  <a:pt x="2784" y="1356"/>
                </a:cubicBezTo>
                <a:lnTo>
                  <a:pt x="2781" y="1359"/>
                </a:lnTo>
                <a:lnTo>
                  <a:pt x="2759" y="1359"/>
                </a:lnTo>
                <a:cubicBezTo>
                  <a:pt x="2716" y="1359"/>
                  <a:pt x="2680" y="1342"/>
                  <a:pt x="2654" y="1311"/>
                </a:cubicBezTo>
                <a:cubicBezTo>
                  <a:pt x="2626" y="1294"/>
                  <a:pt x="2609" y="1252"/>
                  <a:pt x="2609" y="1187"/>
                </a:cubicBezTo>
                <a:cubicBezTo>
                  <a:pt x="2595" y="862"/>
                  <a:pt x="2575" y="702"/>
                  <a:pt x="2553" y="702"/>
                </a:cubicBezTo>
                <a:lnTo>
                  <a:pt x="2553" y="694"/>
                </a:lnTo>
                <a:cubicBezTo>
                  <a:pt x="2558" y="683"/>
                  <a:pt x="2570" y="677"/>
                  <a:pt x="2587" y="671"/>
                </a:cubicBezTo>
                <a:cubicBezTo>
                  <a:pt x="2708" y="691"/>
                  <a:pt x="2770" y="719"/>
                  <a:pt x="2770" y="756"/>
                </a:cubicBezTo>
                <a:lnTo>
                  <a:pt x="2770" y="762"/>
                </a:lnTo>
                <a:lnTo>
                  <a:pt x="2764" y="778"/>
                </a:lnTo>
                <a:lnTo>
                  <a:pt x="2776" y="804"/>
                </a:lnTo>
                <a:lnTo>
                  <a:pt x="2770" y="818"/>
                </a:lnTo>
                <a:lnTo>
                  <a:pt x="2781" y="879"/>
                </a:lnTo>
                <a:lnTo>
                  <a:pt x="2776" y="933"/>
                </a:lnTo>
                <a:lnTo>
                  <a:pt x="2778" y="1088"/>
                </a:lnTo>
                <a:cubicBezTo>
                  <a:pt x="2781" y="1153"/>
                  <a:pt x="2784" y="1153"/>
                  <a:pt x="2784" y="1153"/>
                </a:cubicBezTo>
                <a:lnTo>
                  <a:pt x="2787" y="1153"/>
                </a:lnTo>
                <a:cubicBezTo>
                  <a:pt x="2795" y="1153"/>
                  <a:pt x="2804" y="1133"/>
                  <a:pt x="2815" y="1094"/>
                </a:cubicBezTo>
                <a:cubicBezTo>
                  <a:pt x="2849" y="1048"/>
                  <a:pt x="2897" y="955"/>
                  <a:pt x="2965" y="810"/>
                </a:cubicBezTo>
                <a:cubicBezTo>
                  <a:pt x="3004" y="770"/>
                  <a:pt x="3041" y="697"/>
                  <a:pt x="3069" y="587"/>
                </a:cubicBezTo>
                <a:cubicBezTo>
                  <a:pt x="3109" y="533"/>
                  <a:pt x="3137" y="508"/>
                  <a:pt x="3151" y="508"/>
                </a:cubicBezTo>
                <a:cubicBezTo>
                  <a:pt x="3224" y="510"/>
                  <a:pt x="3244" y="536"/>
                  <a:pt x="3244" y="578"/>
                </a:cubicBezTo>
                <a:cubicBezTo>
                  <a:pt x="3244" y="592"/>
                  <a:pt x="3233" y="612"/>
                  <a:pt x="3210" y="637"/>
                </a:cubicBezTo>
                <a:lnTo>
                  <a:pt x="3092" y="778"/>
                </a:lnTo>
                <a:close/>
                <a:moveTo>
                  <a:pt x="3382" y="567"/>
                </a:moveTo>
                <a:lnTo>
                  <a:pt x="3326" y="606"/>
                </a:lnTo>
                <a:cubicBezTo>
                  <a:pt x="3281" y="649"/>
                  <a:pt x="3247" y="691"/>
                  <a:pt x="3227" y="739"/>
                </a:cubicBezTo>
                <a:lnTo>
                  <a:pt x="3224" y="742"/>
                </a:lnTo>
                <a:cubicBezTo>
                  <a:pt x="3224" y="742"/>
                  <a:pt x="3222" y="745"/>
                  <a:pt x="3210" y="764"/>
                </a:cubicBezTo>
                <a:lnTo>
                  <a:pt x="3165" y="843"/>
                </a:lnTo>
                <a:cubicBezTo>
                  <a:pt x="3103" y="989"/>
                  <a:pt x="3072" y="1099"/>
                  <a:pt x="3072" y="1173"/>
                </a:cubicBezTo>
                <a:lnTo>
                  <a:pt x="3072" y="1187"/>
                </a:lnTo>
                <a:cubicBezTo>
                  <a:pt x="3072" y="1212"/>
                  <a:pt x="3089" y="1243"/>
                  <a:pt x="3123" y="1277"/>
                </a:cubicBezTo>
                <a:cubicBezTo>
                  <a:pt x="3154" y="1333"/>
                  <a:pt x="3193" y="1362"/>
                  <a:pt x="3238" y="1362"/>
                </a:cubicBezTo>
                <a:cubicBezTo>
                  <a:pt x="3275" y="1353"/>
                  <a:pt x="3295" y="1345"/>
                  <a:pt x="3295" y="1339"/>
                </a:cubicBezTo>
                <a:cubicBezTo>
                  <a:pt x="3329" y="1316"/>
                  <a:pt x="3346" y="1300"/>
                  <a:pt x="3346" y="1291"/>
                </a:cubicBezTo>
                <a:cubicBezTo>
                  <a:pt x="3399" y="1223"/>
                  <a:pt x="3433" y="1167"/>
                  <a:pt x="3450" y="1122"/>
                </a:cubicBezTo>
                <a:lnTo>
                  <a:pt x="3450" y="1116"/>
                </a:lnTo>
                <a:lnTo>
                  <a:pt x="3439" y="1108"/>
                </a:lnTo>
                <a:lnTo>
                  <a:pt x="3428" y="1116"/>
                </a:lnTo>
                <a:cubicBezTo>
                  <a:pt x="3371" y="1201"/>
                  <a:pt x="3309" y="1260"/>
                  <a:pt x="3241" y="1294"/>
                </a:cubicBezTo>
                <a:cubicBezTo>
                  <a:pt x="3230" y="1294"/>
                  <a:pt x="3219" y="1285"/>
                  <a:pt x="3213" y="1271"/>
                </a:cubicBezTo>
                <a:cubicBezTo>
                  <a:pt x="3213" y="1175"/>
                  <a:pt x="3250" y="1043"/>
                  <a:pt x="3323" y="879"/>
                </a:cubicBezTo>
                <a:lnTo>
                  <a:pt x="3363" y="882"/>
                </a:lnTo>
                <a:cubicBezTo>
                  <a:pt x="3363" y="882"/>
                  <a:pt x="3385" y="885"/>
                  <a:pt x="3405" y="876"/>
                </a:cubicBezTo>
                <a:lnTo>
                  <a:pt x="3473" y="849"/>
                </a:lnTo>
                <a:cubicBezTo>
                  <a:pt x="3515" y="826"/>
                  <a:pt x="3546" y="790"/>
                  <a:pt x="3566" y="739"/>
                </a:cubicBezTo>
                <a:lnTo>
                  <a:pt x="3566" y="685"/>
                </a:lnTo>
                <a:cubicBezTo>
                  <a:pt x="3560" y="649"/>
                  <a:pt x="3509" y="609"/>
                  <a:pt x="3411" y="564"/>
                </a:cubicBezTo>
                <a:lnTo>
                  <a:pt x="3382" y="567"/>
                </a:lnTo>
                <a:close/>
                <a:moveTo>
                  <a:pt x="3478" y="708"/>
                </a:moveTo>
                <a:lnTo>
                  <a:pt x="3484" y="708"/>
                </a:lnTo>
                <a:lnTo>
                  <a:pt x="3490" y="714"/>
                </a:lnTo>
                <a:cubicBezTo>
                  <a:pt x="3450" y="801"/>
                  <a:pt x="3413" y="843"/>
                  <a:pt x="3380" y="843"/>
                </a:cubicBezTo>
                <a:lnTo>
                  <a:pt x="3357" y="835"/>
                </a:lnTo>
                <a:lnTo>
                  <a:pt x="3357" y="829"/>
                </a:lnTo>
                <a:cubicBezTo>
                  <a:pt x="3416" y="750"/>
                  <a:pt x="3456" y="708"/>
                  <a:pt x="3478" y="708"/>
                </a:cubicBezTo>
                <a:close/>
                <a:moveTo>
                  <a:pt x="375" y="1147"/>
                </a:moveTo>
                <a:cubicBezTo>
                  <a:pt x="372" y="1187"/>
                  <a:pt x="347" y="1263"/>
                  <a:pt x="257" y="1263"/>
                </a:cubicBezTo>
                <a:cubicBezTo>
                  <a:pt x="178" y="1263"/>
                  <a:pt x="116" y="1206"/>
                  <a:pt x="116" y="1088"/>
                </a:cubicBezTo>
                <a:cubicBezTo>
                  <a:pt x="116" y="981"/>
                  <a:pt x="169" y="913"/>
                  <a:pt x="257" y="913"/>
                </a:cubicBezTo>
                <a:cubicBezTo>
                  <a:pt x="330" y="913"/>
                  <a:pt x="364" y="967"/>
                  <a:pt x="370" y="1003"/>
                </a:cubicBezTo>
                <a:lnTo>
                  <a:pt x="480" y="1003"/>
                </a:lnTo>
                <a:cubicBezTo>
                  <a:pt x="474" y="938"/>
                  <a:pt x="420" y="818"/>
                  <a:pt x="257" y="818"/>
                </a:cubicBezTo>
                <a:cubicBezTo>
                  <a:pt x="99" y="818"/>
                  <a:pt x="0" y="936"/>
                  <a:pt x="0" y="1088"/>
                </a:cubicBezTo>
                <a:cubicBezTo>
                  <a:pt x="0" y="1252"/>
                  <a:pt x="104" y="1359"/>
                  <a:pt x="257" y="1359"/>
                </a:cubicBezTo>
                <a:cubicBezTo>
                  <a:pt x="429" y="1359"/>
                  <a:pt x="482" y="1221"/>
                  <a:pt x="485" y="1147"/>
                </a:cubicBezTo>
                <a:lnTo>
                  <a:pt x="375" y="1147"/>
                </a:lnTo>
                <a:close/>
                <a:moveTo>
                  <a:pt x="646" y="826"/>
                </a:moveTo>
                <a:lnTo>
                  <a:pt x="539" y="826"/>
                </a:lnTo>
                <a:lnTo>
                  <a:pt x="539" y="919"/>
                </a:lnTo>
                <a:lnTo>
                  <a:pt x="649" y="919"/>
                </a:lnTo>
                <a:lnTo>
                  <a:pt x="649" y="826"/>
                </a:lnTo>
                <a:lnTo>
                  <a:pt x="646" y="826"/>
                </a:lnTo>
                <a:close/>
                <a:moveTo>
                  <a:pt x="646" y="969"/>
                </a:moveTo>
                <a:lnTo>
                  <a:pt x="539" y="969"/>
                </a:lnTo>
                <a:lnTo>
                  <a:pt x="539" y="1345"/>
                </a:lnTo>
                <a:lnTo>
                  <a:pt x="649" y="1345"/>
                </a:lnTo>
                <a:lnTo>
                  <a:pt x="649" y="969"/>
                </a:lnTo>
                <a:lnTo>
                  <a:pt x="646" y="969"/>
                </a:lnTo>
                <a:close/>
                <a:moveTo>
                  <a:pt x="703" y="1068"/>
                </a:moveTo>
                <a:cubicBezTo>
                  <a:pt x="703" y="1147"/>
                  <a:pt x="773" y="1173"/>
                  <a:pt x="813" y="1181"/>
                </a:cubicBezTo>
                <a:cubicBezTo>
                  <a:pt x="824" y="1184"/>
                  <a:pt x="852" y="1189"/>
                  <a:pt x="861" y="1192"/>
                </a:cubicBezTo>
                <a:cubicBezTo>
                  <a:pt x="900" y="1201"/>
                  <a:pt x="937" y="1209"/>
                  <a:pt x="937" y="1240"/>
                </a:cubicBezTo>
                <a:cubicBezTo>
                  <a:pt x="937" y="1263"/>
                  <a:pt x="914" y="1280"/>
                  <a:pt x="869" y="1280"/>
                </a:cubicBezTo>
                <a:cubicBezTo>
                  <a:pt x="827" y="1280"/>
                  <a:pt x="799" y="1257"/>
                  <a:pt x="796" y="1221"/>
                </a:cubicBezTo>
                <a:lnTo>
                  <a:pt x="691" y="1221"/>
                </a:lnTo>
                <a:cubicBezTo>
                  <a:pt x="694" y="1260"/>
                  <a:pt x="717" y="1353"/>
                  <a:pt x="869" y="1353"/>
                </a:cubicBezTo>
                <a:cubicBezTo>
                  <a:pt x="1010" y="1353"/>
                  <a:pt x="1050" y="1277"/>
                  <a:pt x="1050" y="1232"/>
                </a:cubicBezTo>
                <a:cubicBezTo>
                  <a:pt x="1050" y="1181"/>
                  <a:pt x="1019" y="1139"/>
                  <a:pt x="923" y="1116"/>
                </a:cubicBezTo>
                <a:cubicBezTo>
                  <a:pt x="917" y="1113"/>
                  <a:pt x="886" y="1108"/>
                  <a:pt x="875" y="1105"/>
                </a:cubicBezTo>
                <a:cubicBezTo>
                  <a:pt x="827" y="1094"/>
                  <a:pt x="813" y="1085"/>
                  <a:pt x="813" y="1060"/>
                </a:cubicBezTo>
                <a:cubicBezTo>
                  <a:pt x="813" y="1040"/>
                  <a:pt x="838" y="1029"/>
                  <a:pt x="863" y="1029"/>
                </a:cubicBezTo>
                <a:cubicBezTo>
                  <a:pt x="923" y="1029"/>
                  <a:pt x="934" y="1060"/>
                  <a:pt x="937" y="1077"/>
                </a:cubicBezTo>
                <a:lnTo>
                  <a:pt x="1041" y="1077"/>
                </a:lnTo>
                <a:cubicBezTo>
                  <a:pt x="1038" y="1040"/>
                  <a:pt x="1010" y="961"/>
                  <a:pt x="863" y="961"/>
                </a:cubicBezTo>
                <a:cubicBezTo>
                  <a:pt x="745" y="961"/>
                  <a:pt x="703" y="1020"/>
                  <a:pt x="703" y="1068"/>
                </a:cubicBezTo>
                <a:close/>
                <a:moveTo>
                  <a:pt x="1357" y="1209"/>
                </a:moveTo>
                <a:cubicBezTo>
                  <a:pt x="1349" y="1243"/>
                  <a:pt x="1326" y="1280"/>
                  <a:pt x="1278" y="1280"/>
                </a:cubicBezTo>
                <a:cubicBezTo>
                  <a:pt x="1219" y="1280"/>
                  <a:pt x="1191" y="1229"/>
                  <a:pt x="1191" y="1158"/>
                </a:cubicBezTo>
                <a:cubicBezTo>
                  <a:pt x="1191" y="1105"/>
                  <a:pt x="1211" y="1037"/>
                  <a:pt x="1278" y="1037"/>
                </a:cubicBezTo>
                <a:cubicBezTo>
                  <a:pt x="1321" y="1037"/>
                  <a:pt x="1346" y="1068"/>
                  <a:pt x="1354" y="1099"/>
                </a:cubicBezTo>
                <a:lnTo>
                  <a:pt x="1462" y="1099"/>
                </a:lnTo>
                <a:cubicBezTo>
                  <a:pt x="1456" y="1040"/>
                  <a:pt x="1411" y="958"/>
                  <a:pt x="1278" y="958"/>
                </a:cubicBezTo>
                <a:cubicBezTo>
                  <a:pt x="1160" y="958"/>
                  <a:pt x="1078" y="1035"/>
                  <a:pt x="1078" y="1156"/>
                </a:cubicBezTo>
                <a:cubicBezTo>
                  <a:pt x="1078" y="1278"/>
                  <a:pt x="1160" y="1353"/>
                  <a:pt x="1278" y="1353"/>
                </a:cubicBezTo>
                <a:cubicBezTo>
                  <a:pt x="1417" y="1353"/>
                  <a:pt x="1456" y="1266"/>
                  <a:pt x="1462" y="1206"/>
                </a:cubicBezTo>
                <a:lnTo>
                  <a:pt x="1357" y="1206"/>
                </a:lnTo>
                <a:lnTo>
                  <a:pt x="1357" y="1209"/>
                </a:lnTo>
                <a:close/>
                <a:moveTo>
                  <a:pt x="1693" y="1356"/>
                </a:moveTo>
                <a:cubicBezTo>
                  <a:pt x="1809" y="1356"/>
                  <a:pt x="1893" y="1280"/>
                  <a:pt x="1893" y="1158"/>
                </a:cubicBezTo>
                <a:cubicBezTo>
                  <a:pt x="1893" y="1034"/>
                  <a:pt x="1809" y="961"/>
                  <a:pt x="1693" y="961"/>
                </a:cubicBezTo>
                <a:cubicBezTo>
                  <a:pt x="1575" y="961"/>
                  <a:pt x="1493" y="1037"/>
                  <a:pt x="1493" y="1158"/>
                </a:cubicBezTo>
                <a:cubicBezTo>
                  <a:pt x="1493" y="1280"/>
                  <a:pt x="1575" y="1356"/>
                  <a:pt x="1693" y="1356"/>
                </a:cubicBezTo>
                <a:close/>
                <a:moveTo>
                  <a:pt x="1778" y="1158"/>
                </a:moveTo>
                <a:cubicBezTo>
                  <a:pt x="1778" y="1221"/>
                  <a:pt x="1752" y="1280"/>
                  <a:pt x="1690" y="1280"/>
                </a:cubicBezTo>
                <a:cubicBezTo>
                  <a:pt x="1631" y="1280"/>
                  <a:pt x="1603" y="1229"/>
                  <a:pt x="1603" y="1158"/>
                </a:cubicBezTo>
                <a:cubicBezTo>
                  <a:pt x="1603" y="1108"/>
                  <a:pt x="1623" y="1037"/>
                  <a:pt x="1690" y="1037"/>
                </a:cubicBezTo>
                <a:cubicBezTo>
                  <a:pt x="1752" y="1037"/>
                  <a:pt x="1778" y="1096"/>
                  <a:pt x="1778" y="1158"/>
                </a:cubicBezTo>
                <a:close/>
              </a:path>
            </a:pathLst>
          </a:custGeom>
          <a:solidFill>
            <a:srgbClr val="000000"/>
          </a:solidFill>
          <a:ln>
            <a:noFill/>
          </a:ln>
          <a:effectLst/>
        </p:spPr>
        <p:txBody>
          <a:bodyPr wrap="none" anchor="ctr"/>
          <a:lstStyle/>
          <a:p>
            <a:endParaRPr lang="en-US" dirty="0">
              <a:latin typeface="CiscoSansTT Light" panose="020B0503020201020303" pitchFamily="34" charset="0"/>
            </a:endParaRPr>
          </a:p>
        </p:txBody>
      </p:sp>
      <p:sp>
        <p:nvSpPr>
          <p:cNvPr id="10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963378" y="6616601"/>
            <a:ext cx="955817" cy="1852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>
            <a:lvl1pPr algn="l">
              <a:defRPr lang="en-US" sz="800" dirty="0">
                <a:solidFill>
                  <a:schemeClr val="tx1"/>
                </a:solidFill>
                <a:latin typeface="CiscoSansTT Light" panose="020B0503020201020303" pitchFamily="34" charset="0"/>
                <a:cs typeface="CiscoSansTT Light" panose="020B0503020201020303" pitchFamily="34" charset="0"/>
              </a:defRPr>
            </a:lvl1pPr>
          </a:lstStyle>
          <a:p>
            <a:pPr defTabSz="814305"/>
            <a:r>
              <a:rPr lang="en-US"/>
              <a:t>TECRST-2191</a:t>
            </a:r>
          </a:p>
        </p:txBody>
      </p:sp>
    </p:spTree>
    <p:extLst>
      <p:ext uri="{BB962C8B-B14F-4D97-AF65-F5344CB8AC3E}">
        <p14:creationId xmlns:p14="http://schemas.microsoft.com/office/powerpoint/2010/main" val="54973839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Plain 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25995" y="5158358"/>
            <a:ext cx="11061895" cy="384175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2133" b="0" i="0">
                <a:solidFill>
                  <a:schemeClr val="bg1"/>
                </a:solidFill>
                <a:latin typeface="+mn-lt"/>
                <a:cs typeface="CiscoSansTT Light" panose="020B0503020201020303" pitchFamily="34" charset="0"/>
              </a:defRPr>
            </a:lvl1pPr>
            <a:lvl2pPr marL="45713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2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4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5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6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81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0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625995" y="5606262"/>
            <a:ext cx="11061895" cy="384175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2133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Light" panose="020B0503020201020303" pitchFamily="34" charset="0"/>
              </a:defRPr>
            </a:lvl1pPr>
            <a:lvl2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20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17723" y="4281951"/>
            <a:ext cx="11070167" cy="398668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933" b="0" i="0" baseline="0">
                <a:solidFill>
                  <a:schemeClr val="bg1"/>
                </a:solidFill>
                <a:latin typeface="+mn-lt"/>
                <a:cs typeface="CiscoSansTT Light" panose="020B0503020201020303" pitchFamily="34" charset="0"/>
              </a:defRPr>
            </a:lvl1pPr>
            <a:lvl2pPr marL="406365" indent="0">
              <a:buNone/>
              <a:defRPr/>
            </a:lvl2pPr>
            <a:lvl3pPr marL="569854" indent="0">
              <a:buNone/>
              <a:defRPr/>
            </a:lvl3pPr>
            <a:lvl4pPr marL="688908" indent="0">
              <a:buNone/>
              <a:defRPr/>
            </a:lvl4pPr>
            <a:lvl5pPr marL="801608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567687" y="3519969"/>
            <a:ext cx="11120203" cy="85964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333" b="0" i="0" spc="0" baseline="0">
                <a:solidFill>
                  <a:schemeClr val="bg1"/>
                </a:solidFill>
                <a:latin typeface="+mj-lt"/>
                <a:cs typeface="CiscoSansTT Light" panose="020B0503020201020303" pitchFamily="34" charset="0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/>
        </p:nvSpPr>
        <p:spPr bwMode="auto">
          <a:xfrm>
            <a:off x="625995" y="521745"/>
            <a:ext cx="1060704" cy="563500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121920" tIns="60960" rIns="121920" bIns="6096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C4B7515-111C-DD4D-8DD3-B9A4EE6326D0}"/>
              </a:ext>
            </a:extLst>
          </p:cNvPr>
          <p:cNvSpPr txBox="1"/>
          <p:nvPr/>
        </p:nvSpPr>
        <p:spPr>
          <a:xfrm>
            <a:off x="10095567" y="6259549"/>
            <a:ext cx="2081563" cy="564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67" b="1" spc="200" baseline="0" dirty="0">
                <a:solidFill>
                  <a:schemeClr val="bg2"/>
                </a:solidFill>
                <a:latin typeface="+mn-lt"/>
              </a:rPr>
              <a:t>Global</a:t>
            </a:r>
          </a:p>
          <a:p>
            <a:r>
              <a:rPr lang="en-US" sz="1600" spc="200" baseline="0" dirty="0">
                <a:solidFill>
                  <a:schemeClr val="tx1">
                    <a:lumMod val="90000"/>
                    <a:lumOff val="10000"/>
                  </a:schemeClr>
                </a:solidFill>
                <a:latin typeface="+mn-lt"/>
              </a:rPr>
              <a:t>Sales Training</a:t>
            </a:r>
          </a:p>
        </p:txBody>
      </p:sp>
    </p:spTree>
    <p:extLst>
      <p:ext uri="{BB962C8B-B14F-4D97-AF65-F5344CB8AC3E}">
        <p14:creationId xmlns:p14="http://schemas.microsoft.com/office/powerpoint/2010/main" val="1180648713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666751" y="5233661"/>
            <a:ext cx="10852149" cy="663195"/>
          </a:xfrm>
          <a:prstGeom prst="rect">
            <a:avLst/>
          </a:prstGeom>
          <a:noFill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3867"/>
              </a:lnSpc>
              <a:spcBef>
                <a:spcPts val="0"/>
              </a:spcBef>
              <a:buNone/>
              <a:defRPr sz="3200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9DA77CE-84E6-094F-9416-536ED93877D4}"/>
              </a:ext>
            </a:extLst>
          </p:cNvPr>
          <p:cNvSpPr txBox="1"/>
          <p:nvPr/>
        </p:nvSpPr>
        <p:spPr>
          <a:xfrm>
            <a:off x="10095567" y="6259549"/>
            <a:ext cx="2081563" cy="564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67" b="1" spc="200" baseline="0" dirty="0">
                <a:solidFill>
                  <a:srgbClr val="0070C0"/>
                </a:solidFill>
                <a:latin typeface="+mn-lt"/>
              </a:rPr>
              <a:t>Global</a:t>
            </a:r>
          </a:p>
          <a:p>
            <a:r>
              <a:rPr lang="en-US" sz="1600" spc="200" baseline="0" dirty="0">
                <a:solidFill>
                  <a:schemeClr val="tx1">
                    <a:lumMod val="90000"/>
                    <a:lumOff val="10000"/>
                  </a:schemeClr>
                </a:solidFill>
                <a:latin typeface="+mn-lt"/>
              </a:rPr>
              <a:t>Sales Training</a:t>
            </a:r>
          </a:p>
        </p:txBody>
      </p:sp>
    </p:spTree>
    <p:extLst>
      <p:ext uri="{BB962C8B-B14F-4D97-AF65-F5344CB8AC3E}">
        <p14:creationId xmlns:p14="http://schemas.microsoft.com/office/powerpoint/2010/main" val="3092757771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1" y="2"/>
            <a:ext cx="12192000" cy="3790949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598380" y="4072691"/>
            <a:ext cx="11152315" cy="716158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4267" baseline="0">
                <a:solidFill>
                  <a:schemeClr val="tx2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45549464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6464" cy="68580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004CF76-6304-604A-8471-6A4D37DE7261}"/>
              </a:ext>
            </a:extLst>
          </p:cNvPr>
          <p:cNvSpPr txBox="1"/>
          <p:nvPr/>
        </p:nvSpPr>
        <p:spPr>
          <a:xfrm>
            <a:off x="10095567" y="6259549"/>
            <a:ext cx="2081563" cy="564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67" b="1" spc="200" baseline="0" dirty="0">
                <a:solidFill>
                  <a:srgbClr val="0070C0"/>
                </a:solidFill>
                <a:latin typeface="+mn-lt"/>
              </a:rPr>
              <a:t>Global</a:t>
            </a:r>
          </a:p>
          <a:p>
            <a:r>
              <a:rPr lang="en-US" sz="1600" spc="200" baseline="0" dirty="0">
                <a:solidFill>
                  <a:schemeClr val="tx1">
                    <a:lumMod val="90000"/>
                    <a:lumOff val="10000"/>
                  </a:schemeClr>
                </a:solidFill>
                <a:latin typeface="+mn-lt"/>
              </a:rPr>
              <a:t>Sales Training</a:t>
            </a:r>
          </a:p>
        </p:txBody>
      </p:sp>
    </p:spTree>
    <p:extLst>
      <p:ext uri="{BB962C8B-B14F-4D97-AF65-F5344CB8AC3E}">
        <p14:creationId xmlns:p14="http://schemas.microsoft.com/office/powerpoint/2010/main" val="2664753164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24267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+mj-lt"/>
            </a:endParaRPr>
          </a:p>
        </p:txBody>
      </p:sp>
      <p:sp>
        <p:nvSpPr>
          <p:cNvPr id="5" name="Rectangle 4"/>
          <p:cNvSpPr>
            <a:spLocks noChangeArrowheads="1"/>
          </p:cNvSpPr>
          <p:nvPr/>
        </p:nvSpPr>
        <p:spPr bwMode="ltGray">
          <a:xfrm>
            <a:off x="636906" y="6322205"/>
            <a:ext cx="462238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9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10683" y="320842"/>
            <a:ext cx="11307184" cy="5688861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B0D31AE-34A2-434C-822F-4B1BAF8BE43A}"/>
              </a:ext>
            </a:extLst>
          </p:cNvPr>
          <p:cNvSpPr txBox="1"/>
          <p:nvPr/>
        </p:nvSpPr>
        <p:spPr>
          <a:xfrm>
            <a:off x="10095567" y="6259549"/>
            <a:ext cx="2081563" cy="564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67" b="1" spc="200" baseline="0" dirty="0">
                <a:solidFill>
                  <a:schemeClr val="bg2"/>
                </a:solidFill>
                <a:latin typeface="+mn-lt"/>
              </a:rPr>
              <a:t>Global</a:t>
            </a:r>
          </a:p>
          <a:p>
            <a:r>
              <a:rPr lang="en-US" sz="1600" spc="200" baseline="0" dirty="0">
                <a:solidFill>
                  <a:schemeClr val="tx1">
                    <a:lumMod val="90000"/>
                    <a:lumOff val="10000"/>
                  </a:schemeClr>
                </a:solidFill>
                <a:latin typeface="+mn-lt"/>
              </a:rPr>
              <a:t>Sales Training</a:t>
            </a:r>
          </a:p>
        </p:txBody>
      </p:sp>
    </p:spTree>
    <p:extLst>
      <p:ext uri="{BB962C8B-B14F-4D97-AF65-F5344CB8AC3E}">
        <p14:creationId xmlns:p14="http://schemas.microsoft.com/office/powerpoint/2010/main" val="4111961145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NAP Prime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616401" y="1164405"/>
            <a:ext cx="11036459" cy="495699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304792" indent="-228594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8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  <a:lvl2pPr marL="609585" indent="-220128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2pPr>
            <a:lvl3pPr marL="914377" indent="-146047">
              <a:buClr>
                <a:schemeClr val="tx1"/>
              </a:buClr>
              <a:buSzPct val="8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3pPr>
            <a:lvl4pPr marL="1214683" indent="-228548">
              <a:buClr>
                <a:schemeClr val="tx1"/>
              </a:buClr>
              <a:buSzPct val="8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4pPr>
            <a:lvl5pPr marL="1443231" indent="-224314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24384" y="36576"/>
            <a:ext cx="11127317" cy="8656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79116843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NAP Bullet_Heavy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711199" y="1260296"/>
            <a:ext cx="5181600" cy="4458360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341155" y="1260296"/>
            <a:ext cx="5181600" cy="4458360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24384" y="36576"/>
            <a:ext cx="11127317" cy="8656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733">
                <a:solidFill>
                  <a:schemeClr val="tx2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304328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6464" cy="68580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933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952720679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NAP Prime Storytelling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711199" y="1928037"/>
            <a:ext cx="5181600" cy="3790619"/>
          </a:xfrm>
          <a:prstGeom prst="rect">
            <a:avLst/>
          </a:prstGeom>
        </p:spPr>
        <p:txBody>
          <a:bodyPr lIns="0" tIns="45710" rIns="0" bIns="45710" anchor="ctr" anchorCtr="0">
            <a:noAutofit/>
          </a:bodyPr>
          <a:lstStyle>
            <a:lvl1pPr marL="232828" indent="-156629" algn="l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385224" indent="-152396" algn="l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537620" indent="-152396" algn="l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3pPr>
            <a:lvl4pPr marL="690016" indent="-152396" algn="l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4pPr>
            <a:lvl5pPr marL="842412" indent="-152396" algn="l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341155" y="1260296"/>
            <a:ext cx="5181600" cy="4458360"/>
          </a:xfrm>
          <a:prstGeom prst="rect">
            <a:avLst/>
          </a:prstGeom>
        </p:spPr>
        <p:txBody>
          <a:bodyPr lIns="0" tIns="45710" rIns="0" bIns="45710" anchor="ctr" anchorCtr="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60000"/>
              <a:buFont typeface="Arial"/>
              <a:buChar char="•"/>
              <a:defRPr sz="2667" b="0" i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60000"/>
              <a:buFont typeface="Arial"/>
              <a:buChar char="•"/>
              <a:defRPr sz="24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537620" indent="-152396">
              <a:buClr>
                <a:schemeClr val="tx1"/>
              </a:buClr>
              <a:buSzPct val="60000"/>
              <a:buFont typeface="Arial"/>
              <a:buChar char="•"/>
              <a:defRPr sz="2133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3pPr>
            <a:lvl4pPr marL="690016" indent="-152396">
              <a:buClr>
                <a:schemeClr val="tx1"/>
              </a:buClr>
              <a:buSzPct val="60000"/>
              <a:buFont typeface="Arial"/>
              <a:buChar char="•"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4pPr>
            <a:lvl5pPr marL="842412" indent="-152396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 hasCustomPrompt="1"/>
          </p:nvPr>
        </p:nvSpPr>
        <p:spPr bwMode="auto">
          <a:xfrm>
            <a:off x="711199" y="688705"/>
            <a:ext cx="5181600" cy="8656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733">
                <a:solidFill>
                  <a:schemeClr val="tx2"/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Master title style</a:t>
            </a:r>
            <a:endParaRPr lang="en-GB" dirty="0"/>
          </a:p>
        </p:txBody>
      </p:sp>
      <p:cxnSp>
        <p:nvCxnSpPr>
          <p:cNvPr id="6" name="Straight Connector 5"/>
          <p:cNvCxnSpPr/>
          <p:nvPr/>
        </p:nvCxnSpPr>
        <p:spPr>
          <a:xfrm>
            <a:off x="6146800" y="812801"/>
            <a:ext cx="0" cy="5312833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078094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nap 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24384" y="36576"/>
            <a:ext cx="11127317" cy="8656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733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2492115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06542954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711200" y="1164405"/>
            <a:ext cx="10820400" cy="4177617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667" baseline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583690" y="5530961"/>
            <a:ext cx="9573749" cy="434977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804747">
              <a:lnSpc>
                <a:spcPct val="100000"/>
              </a:lnSpc>
              <a:spcBef>
                <a:spcPct val="50000"/>
              </a:spcBef>
              <a:buNone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24384" y="36576"/>
            <a:ext cx="11127317" cy="8656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733">
                <a:solidFill>
                  <a:schemeClr val="tx2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2042349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NAP Prime Agenda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6146800" y="812801"/>
            <a:ext cx="0" cy="5312833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18351" y="1918747"/>
            <a:ext cx="5093797" cy="302051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914308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267" b="0" kern="1200" spc="0" baseline="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563360" y="872691"/>
            <a:ext cx="5154507" cy="512064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2133" baseline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52000386"/>
      </p:ext>
    </p:extLst>
  </p:cSld>
  <p:clrMapOvr>
    <a:masterClrMapping/>
  </p:clrMapOvr>
  <p:transition spd="slow">
    <p:wipe/>
  </p:transition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711200" y="1156997"/>
            <a:ext cx="10820400" cy="4189705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667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583690" y="5530961"/>
            <a:ext cx="9573749" cy="434977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804747">
              <a:lnSpc>
                <a:spcPct val="100000"/>
              </a:lnSpc>
              <a:spcBef>
                <a:spcPct val="50000"/>
              </a:spcBef>
              <a:buNone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>
              <a:buFont typeface="Arial" pitchFamily="34" charset="0"/>
              <a:buNone/>
              <a:defRPr sz="1467"/>
            </a:lvl2pPr>
            <a:lvl3pPr>
              <a:buFont typeface="Arial" pitchFamily="34" charset="0"/>
              <a:buNone/>
              <a:defRPr sz="1467"/>
            </a:lvl3pPr>
            <a:lvl4pPr>
              <a:buFont typeface="Arial" pitchFamily="34" charset="0"/>
              <a:buNone/>
              <a:defRPr sz="1467"/>
            </a:lvl4pPr>
            <a:lvl5pPr>
              <a:buFont typeface="Arial" pitchFamily="34" charset="0"/>
              <a:buNone/>
              <a:defRPr sz="1467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24384" y="36576"/>
            <a:ext cx="11127317" cy="8656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5788263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632883" y="1194319"/>
            <a:ext cx="11040076" cy="4701327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380910" marR="0" indent="-380910" algn="ctr" defTabSz="609458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667" b="0" i="0" baseline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24384" y="36576"/>
            <a:ext cx="11127317" cy="8656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5105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616401" y="2220243"/>
            <a:ext cx="4882699" cy="3901157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2828" indent="-156629">
              <a:lnSpc>
                <a:spcPct val="95000"/>
              </a:lnSpc>
              <a:spcBef>
                <a:spcPts val="1480"/>
              </a:spcBef>
              <a:buClr>
                <a:schemeClr val="tx2"/>
              </a:buClr>
              <a:buSzPct val="60000"/>
              <a:buFont typeface="Arial"/>
              <a:buChar char="•"/>
              <a:defRPr sz="2667" b="0" i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  <a:lvl2pPr marL="385224" indent="-152396">
              <a:lnSpc>
                <a:spcPct val="95000"/>
              </a:lnSpc>
              <a:spcBef>
                <a:spcPts val="600"/>
              </a:spcBef>
              <a:buClr>
                <a:schemeClr val="tx2"/>
              </a:buClr>
              <a:buSzPct val="60000"/>
              <a:buFont typeface="Arial"/>
              <a:buChar char="•"/>
              <a:defRPr sz="2400" b="0" i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2pPr>
            <a:lvl3pPr marL="537620" indent="-152396">
              <a:buClr>
                <a:schemeClr val="tx2"/>
              </a:buClr>
              <a:buSzPct val="60000"/>
              <a:buFont typeface="Arial"/>
              <a:buChar char="•"/>
              <a:defRPr sz="2133" b="0" i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3pPr>
            <a:lvl4pPr marL="690016" indent="-152396">
              <a:buClr>
                <a:schemeClr val="tx2"/>
              </a:buClr>
              <a:buSzPct val="60000"/>
              <a:buFont typeface="Arial"/>
              <a:buChar char="•"/>
              <a:defRPr sz="1867" b="0" i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4pPr>
            <a:lvl5pPr marL="842412" indent="-152396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455085"/>
            <a:ext cx="4915412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4267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757856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95077670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5217" y="2889504"/>
            <a:ext cx="5103284" cy="24384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6796618" y="709083"/>
            <a:ext cx="4734983" cy="5412316"/>
          </a:xfrm>
          <a:prstGeom prst="rect">
            <a:avLst/>
          </a:prstGeom>
        </p:spPr>
        <p:txBody>
          <a:bodyPr lIns="0" rIns="0" anchor="ctr" anchorCtr="0"/>
          <a:lstStyle>
            <a:lvl1pPr marL="226478" indent="-226478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304792" algn="l"/>
              </a:tabLst>
              <a:defRPr sz="3200">
                <a:latin typeface="+mn-lt"/>
                <a:cs typeface="Arial" panose="020B0604020202020204" pitchFamily="34" charset="0"/>
              </a:defRPr>
            </a:lvl1pPr>
            <a:lvl2pPr marL="461422" indent="-228594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933">
                <a:latin typeface="+mn-lt"/>
                <a:cs typeface="Arial" panose="020B0604020202020204" pitchFamily="34" charset="0"/>
              </a:defRPr>
            </a:lvl2pPr>
            <a:lvl3pPr marL="609585" indent="-156629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667">
                <a:latin typeface="+mn-lt"/>
                <a:cs typeface="Arial" panose="020B0604020202020204" pitchFamily="34" charset="0"/>
              </a:defRPr>
            </a:lvl3pPr>
            <a:lvl4pPr marL="766214" indent="-156629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2400">
                <a:latin typeface="+mn-lt"/>
                <a:cs typeface="Arial" panose="020B0604020202020204" pitchFamily="34" charset="0"/>
              </a:defRPr>
            </a:lvl4pPr>
            <a:lvl5pPr marL="992693" indent="-15028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>
                <a:latin typeface="+mn-lt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Rectangle 4"/>
          <p:cNvSpPr>
            <a:spLocks noChangeArrowheads="1"/>
          </p:cNvSpPr>
          <p:nvPr/>
        </p:nvSpPr>
        <p:spPr bwMode="ltGray">
          <a:xfrm>
            <a:off x="636906" y="6322205"/>
            <a:ext cx="462238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2602866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695589"/>
            <a:ext cx="5078396" cy="8737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6796618" y="680720"/>
            <a:ext cx="4734983" cy="5440680"/>
          </a:xfrm>
          <a:prstGeom prst="rect">
            <a:avLst/>
          </a:prstGeom>
        </p:spPr>
        <p:txBody>
          <a:bodyPr lIns="0" rIns="0"/>
          <a:lstStyle>
            <a:lvl1pPr marL="152396" indent="-152396">
              <a:lnSpc>
                <a:spcPct val="100000"/>
              </a:lnSpc>
              <a:buClr>
                <a:schemeClr val="tx1"/>
              </a:buClr>
              <a:buSzPct val="60000"/>
              <a:defRPr sz="2667">
                <a:latin typeface="+mn-lt"/>
                <a:cs typeface="Arial" panose="020B0604020202020204" pitchFamily="34" charset="0"/>
              </a:defRPr>
            </a:lvl1pPr>
            <a:lvl2pPr marL="304792" indent="-152396">
              <a:lnSpc>
                <a:spcPct val="100000"/>
              </a:lnSpc>
              <a:buClr>
                <a:schemeClr val="tx1"/>
              </a:buClr>
              <a:buSzPct val="60000"/>
              <a:defRPr sz="2667">
                <a:latin typeface="+mn-lt"/>
                <a:cs typeface="Arial" panose="020B0604020202020204" pitchFamily="34" charset="0"/>
              </a:defRPr>
            </a:lvl2pPr>
            <a:lvl3pPr marL="457189" indent="-152396">
              <a:lnSpc>
                <a:spcPct val="100000"/>
              </a:lnSpc>
              <a:buClr>
                <a:schemeClr val="tx1"/>
              </a:buClr>
              <a:buSzPct val="60000"/>
              <a:defRPr sz="2400">
                <a:latin typeface="+mn-lt"/>
                <a:cs typeface="Arial" panose="020B0604020202020204" pitchFamily="34" charset="0"/>
              </a:defRPr>
            </a:lvl3pPr>
            <a:lvl4pPr marL="609585" indent="-165096">
              <a:lnSpc>
                <a:spcPct val="100000"/>
              </a:lnSpc>
              <a:buClr>
                <a:schemeClr val="tx1"/>
              </a:buClr>
              <a:buSzPct val="60000"/>
              <a:defRPr sz="2133">
                <a:latin typeface="+mn-lt"/>
                <a:cs typeface="Arial" panose="020B0604020202020204" pitchFamily="34" charset="0"/>
              </a:defRPr>
            </a:lvl4pPr>
            <a:lvl5pPr marL="766214" indent="-156629">
              <a:lnSpc>
                <a:spcPct val="100000"/>
              </a:lnSpc>
              <a:buClr>
                <a:schemeClr val="tx1"/>
              </a:buClr>
              <a:buSzPct val="60000"/>
              <a:defRPr sz="2133">
                <a:latin typeface="+mn-lt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583689" y="2213123"/>
            <a:ext cx="5078396" cy="3908277"/>
          </a:xfrm>
          <a:prstGeom prst="rect">
            <a:avLst/>
          </a:prstGeom>
        </p:spPr>
        <p:txBody>
          <a:bodyPr/>
          <a:lstStyle>
            <a:lvl1pPr marL="152396" indent="-152396">
              <a:buClr>
                <a:schemeClr val="tx2"/>
              </a:buClr>
              <a:buSzPct val="60000"/>
              <a:defRPr lang="en-US" sz="2667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Arial" panose="020B0604020202020204" pitchFamily="34" charset="0"/>
              </a:defRPr>
            </a:lvl1pPr>
            <a:lvl2pPr marL="304792" indent="-152396">
              <a:buClr>
                <a:schemeClr val="tx2"/>
              </a:buClr>
              <a:buSzPct val="60000"/>
              <a:defRPr sz="2667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2pPr>
            <a:lvl3pPr marL="457189" indent="-152396">
              <a:buClr>
                <a:schemeClr val="tx2"/>
              </a:buClr>
              <a:buSzPct val="60000"/>
              <a:defRPr sz="2400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3pPr>
            <a:lvl4pPr marL="609585" indent="-165096">
              <a:buClr>
                <a:schemeClr val="tx2"/>
              </a:buClr>
              <a:buSzPct val="60000"/>
              <a:defRPr sz="2133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4pPr>
            <a:lvl5pPr marL="766214" indent="-156629">
              <a:buClr>
                <a:schemeClr val="tx2"/>
              </a:buClr>
              <a:buSzPct val="60000"/>
              <a:defRPr sz="2133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47895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5151312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24267" cy="685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+mj-lt"/>
            </a:endParaRPr>
          </a:p>
        </p:txBody>
      </p:sp>
      <p:sp>
        <p:nvSpPr>
          <p:cNvPr id="5" name="Rectangle 4"/>
          <p:cNvSpPr>
            <a:spLocks noChangeArrowheads="1"/>
          </p:cNvSpPr>
          <p:nvPr/>
        </p:nvSpPr>
        <p:spPr bwMode="ltGray">
          <a:xfrm>
            <a:off x="636906" y="6322205"/>
            <a:ext cx="462238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10683" y="320842"/>
            <a:ext cx="11307184" cy="5688861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322919299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eadlin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680720"/>
            <a:ext cx="5078396" cy="8737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6796618" y="680720"/>
            <a:ext cx="4734983" cy="5440680"/>
          </a:xfrm>
          <a:prstGeom prst="rect">
            <a:avLst/>
          </a:prstGeom>
        </p:spPr>
        <p:txBody>
          <a:bodyPr lIns="0" rIns="0" anchor="ctr" anchorCtr="0"/>
          <a:lstStyle>
            <a:lvl1pPr marL="152396" indent="-152396">
              <a:lnSpc>
                <a:spcPct val="100000"/>
              </a:lnSpc>
              <a:buClr>
                <a:schemeClr val="tx1"/>
              </a:buClr>
              <a:buSzPct val="60000"/>
              <a:defRPr sz="2667">
                <a:latin typeface="+mn-lt"/>
                <a:cs typeface="Arial" panose="020B0604020202020204" pitchFamily="34" charset="0"/>
              </a:defRPr>
            </a:lvl1pPr>
            <a:lvl2pPr marL="304792" indent="-152396">
              <a:lnSpc>
                <a:spcPct val="100000"/>
              </a:lnSpc>
              <a:buClr>
                <a:schemeClr val="tx1"/>
              </a:buClr>
              <a:buSzPct val="60000"/>
              <a:defRPr sz="2667">
                <a:latin typeface="+mn-lt"/>
                <a:cs typeface="Arial" panose="020B0604020202020204" pitchFamily="34" charset="0"/>
              </a:defRPr>
            </a:lvl2pPr>
            <a:lvl3pPr marL="457189" indent="-152396">
              <a:lnSpc>
                <a:spcPct val="100000"/>
              </a:lnSpc>
              <a:buClr>
                <a:schemeClr val="tx1"/>
              </a:buClr>
              <a:buSzPct val="60000"/>
              <a:defRPr sz="2400">
                <a:latin typeface="+mn-lt"/>
                <a:cs typeface="Arial" panose="020B0604020202020204" pitchFamily="34" charset="0"/>
              </a:defRPr>
            </a:lvl3pPr>
            <a:lvl4pPr marL="609585" indent="-165096">
              <a:lnSpc>
                <a:spcPct val="100000"/>
              </a:lnSpc>
              <a:buClr>
                <a:schemeClr val="tx1"/>
              </a:buClr>
              <a:buSzPct val="60000"/>
              <a:defRPr sz="2133">
                <a:latin typeface="+mn-lt"/>
                <a:cs typeface="Arial" panose="020B0604020202020204" pitchFamily="34" charset="0"/>
              </a:defRPr>
            </a:lvl4pPr>
            <a:lvl5pPr marL="766214" indent="-156629">
              <a:lnSpc>
                <a:spcPct val="100000"/>
              </a:lnSpc>
              <a:buClr>
                <a:schemeClr val="tx1"/>
              </a:buClr>
              <a:buSzPct val="60000"/>
              <a:defRPr sz="2133">
                <a:latin typeface="+mn-lt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583689" y="2213123"/>
            <a:ext cx="5078396" cy="3908277"/>
          </a:xfrm>
          <a:prstGeom prst="rect">
            <a:avLst/>
          </a:prstGeom>
        </p:spPr>
        <p:txBody>
          <a:bodyPr/>
          <a:lstStyle>
            <a:lvl1pPr marL="0" indent="0">
              <a:buClr>
                <a:schemeClr val="tx2"/>
              </a:buClr>
              <a:buSzPct val="60000"/>
              <a:buNone/>
              <a:defRPr lang="en-US" sz="32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Arial" panose="020B0604020202020204" pitchFamily="34" charset="0"/>
              </a:defRPr>
            </a:lvl1pPr>
            <a:lvl2pPr marL="152396" indent="0">
              <a:buClr>
                <a:schemeClr val="tx2"/>
              </a:buClr>
              <a:buSzPct val="60000"/>
              <a:buNone/>
              <a:defRPr sz="320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304792" indent="0">
              <a:buClr>
                <a:schemeClr val="tx2"/>
              </a:buClr>
              <a:buSzPct val="60000"/>
              <a:buNone/>
              <a:defRPr sz="320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444489" indent="0">
              <a:buClr>
                <a:schemeClr val="tx2"/>
              </a:buClr>
              <a:buSzPct val="60000"/>
              <a:buNone/>
              <a:defRPr sz="320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609585" indent="0">
              <a:buClr>
                <a:schemeClr val="tx2"/>
              </a:buClr>
              <a:buSzPct val="60000"/>
              <a:buNone/>
              <a:defRPr sz="320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0"/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47895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9731916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889504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6786034" y="709084"/>
            <a:ext cx="4745567" cy="4486461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6786034" y="5416468"/>
            <a:ext cx="4745567" cy="70019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867"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/>
        </p:nvSpPr>
        <p:spPr bwMode="ltGray">
          <a:xfrm>
            <a:off x="636906" y="6322205"/>
            <a:ext cx="3817557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3776886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tx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889504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6786034" y="709084"/>
            <a:ext cx="4745567" cy="5412315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351456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596392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889504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3929119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5066490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889504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6106790" y="0"/>
            <a:ext cx="6085209" cy="68580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399267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7416699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9" y="2889504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6786034" y="670984"/>
            <a:ext cx="4745567" cy="545041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chart</a:t>
            </a:r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239895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3921508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6106789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7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509347" y="2904372"/>
            <a:ext cx="5078396" cy="2432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912261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4267" kern="1200" dirty="0">
                <a:solidFill>
                  <a:schemeClr val="bg1"/>
                </a:solidFill>
                <a:latin typeface="+mj-lt"/>
                <a:ea typeface="ＭＳ Ｐゴシック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6786034" y="670984"/>
            <a:ext cx="4745567" cy="545041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table</a:t>
            </a:r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636905" y="6322205"/>
            <a:ext cx="454270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algn="l" defTabSz="814305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kern="1200" spc="27" baseline="0" dirty="0">
                <a:solidFill>
                  <a:schemeClr val="accent1">
                    <a:lumMod val="7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3567508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49FD9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Freeform 6"/>
          <p:cNvSpPr>
            <a:spLocks noChangeAspect="1" noEditPoints="1"/>
          </p:cNvSpPr>
          <p:nvPr/>
        </p:nvSpPr>
        <p:spPr bwMode="auto">
          <a:xfrm>
            <a:off x="5017326" y="2838769"/>
            <a:ext cx="2157349" cy="114609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121920" tIns="60960" rIns="121920" bIns="6096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chemeClr val="bg1"/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65898" y="6212442"/>
            <a:ext cx="1796292" cy="5689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7843751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583688" y="1797051"/>
            <a:ext cx="11127317" cy="422428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76179" indent="0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80000"/>
              <a:buFont typeface="Arial"/>
              <a:buNone/>
              <a:defRPr sz="2667" b="0" i="0">
                <a:solidFill>
                  <a:srgbClr val="676767"/>
                </a:solidFill>
                <a:latin typeface="+mn-lt"/>
                <a:cs typeface="CiscoSans ExtraLight"/>
              </a:defRPr>
            </a:lvl1pPr>
            <a:lvl2pPr marL="389377" indent="0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/>
              <a:buNone/>
              <a:defRPr sz="24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68171" indent="0">
              <a:buClr>
                <a:schemeClr val="tx1"/>
              </a:buClr>
              <a:buSzPct val="80000"/>
              <a:buFont typeface="Arial"/>
              <a:buNone/>
              <a:defRPr sz="2133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86135" indent="0">
              <a:buClr>
                <a:schemeClr val="tx1"/>
              </a:buClr>
              <a:buSzPct val="80000"/>
              <a:buFont typeface="Arial"/>
              <a:buNone/>
              <a:defRPr sz="1867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218916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/>
              <a:t>Click to edit Text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0019027"/>
      </p:ext>
    </p:extLst>
  </p:cSld>
  <p:clrMapOvr>
    <a:masterClrMapping/>
  </p:clrMapOvr>
  <p:transition spd="med">
    <p:fade/>
  </p:transition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Bulle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583688" y="1797051"/>
            <a:ext cx="11127317" cy="422428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374561" indent="-298382">
              <a:lnSpc>
                <a:spcPct val="95000"/>
              </a:lnSpc>
              <a:spcBef>
                <a:spcPts val="1480"/>
              </a:spcBef>
              <a:buClr>
                <a:schemeClr val="tx1"/>
              </a:buClr>
              <a:buSzPct val="80000"/>
              <a:buFont typeface="Arial"/>
              <a:buChar char="•"/>
              <a:defRPr sz="2667" b="0" i="0">
                <a:solidFill>
                  <a:srgbClr val="676767"/>
                </a:solidFill>
                <a:latin typeface="+mn-lt"/>
                <a:cs typeface="CiscoSans ExtraLight"/>
              </a:defRPr>
            </a:lvl1pPr>
            <a:lvl2pPr marL="389377" indent="0">
              <a:lnSpc>
                <a:spcPct val="95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/>
              <a:buNone/>
              <a:defRPr sz="24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996719" indent="-228548">
              <a:buClr>
                <a:schemeClr val="tx1"/>
              </a:buClr>
              <a:buSzPct val="80000"/>
              <a:buFont typeface="Arial"/>
              <a:buChar char="•"/>
              <a:defRPr sz="2133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1214683" indent="-228548">
              <a:buClr>
                <a:schemeClr val="tx1"/>
              </a:buClr>
              <a:buSzPct val="80000"/>
              <a:buFont typeface="Arial"/>
              <a:buChar char="•"/>
              <a:defRPr sz="1867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443231" indent="-224314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/>
              <a:t>Click to edit text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92452935"/>
      </p:ext>
    </p:extLst>
  </p:cSld>
  <p:clrMapOvr>
    <a:masterClrMapping/>
  </p:clrMapOvr>
  <p:transition spd="med"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/Relationships>
</file>

<file path=ppt/slideMasters/_rels/slideMaster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40.xml"/><Relationship Id="rId18" Type="http://schemas.openxmlformats.org/officeDocument/2006/relationships/slideLayout" Target="../slideLayouts/slideLayout45.xml"/><Relationship Id="rId26" Type="http://schemas.openxmlformats.org/officeDocument/2006/relationships/slideLayout" Target="../slideLayouts/slideLayout53.xml"/><Relationship Id="rId3" Type="http://schemas.openxmlformats.org/officeDocument/2006/relationships/slideLayout" Target="../slideLayouts/slideLayout30.xml"/><Relationship Id="rId21" Type="http://schemas.openxmlformats.org/officeDocument/2006/relationships/slideLayout" Target="../slideLayouts/slideLayout48.xml"/><Relationship Id="rId34" Type="http://schemas.openxmlformats.org/officeDocument/2006/relationships/slideLayout" Target="../slideLayouts/slideLayout61.xml"/><Relationship Id="rId7" Type="http://schemas.openxmlformats.org/officeDocument/2006/relationships/slideLayout" Target="../slideLayouts/slideLayout34.xml"/><Relationship Id="rId12" Type="http://schemas.openxmlformats.org/officeDocument/2006/relationships/slideLayout" Target="../slideLayouts/slideLayout39.xml"/><Relationship Id="rId17" Type="http://schemas.openxmlformats.org/officeDocument/2006/relationships/slideLayout" Target="../slideLayouts/slideLayout44.xml"/><Relationship Id="rId25" Type="http://schemas.openxmlformats.org/officeDocument/2006/relationships/slideLayout" Target="../slideLayouts/slideLayout52.xml"/><Relationship Id="rId33" Type="http://schemas.openxmlformats.org/officeDocument/2006/relationships/slideLayout" Target="../slideLayouts/slideLayout60.xml"/><Relationship Id="rId2" Type="http://schemas.openxmlformats.org/officeDocument/2006/relationships/slideLayout" Target="../slideLayouts/slideLayout29.xml"/><Relationship Id="rId16" Type="http://schemas.openxmlformats.org/officeDocument/2006/relationships/slideLayout" Target="../slideLayouts/slideLayout43.xml"/><Relationship Id="rId20" Type="http://schemas.openxmlformats.org/officeDocument/2006/relationships/slideLayout" Target="../slideLayouts/slideLayout47.xml"/><Relationship Id="rId29" Type="http://schemas.openxmlformats.org/officeDocument/2006/relationships/slideLayout" Target="../slideLayouts/slideLayout56.xml"/><Relationship Id="rId1" Type="http://schemas.openxmlformats.org/officeDocument/2006/relationships/slideLayout" Target="../slideLayouts/slideLayout28.xml"/><Relationship Id="rId6" Type="http://schemas.openxmlformats.org/officeDocument/2006/relationships/slideLayout" Target="../slideLayouts/slideLayout33.xml"/><Relationship Id="rId11" Type="http://schemas.openxmlformats.org/officeDocument/2006/relationships/slideLayout" Target="../slideLayouts/slideLayout38.xml"/><Relationship Id="rId24" Type="http://schemas.openxmlformats.org/officeDocument/2006/relationships/slideLayout" Target="../slideLayouts/slideLayout51.xml"/><Relationship Id="rId32" Type="http://schemas.openxmlformats.org/officeDocument/2006/relationships/slideLayout" Target="../slideLayouts/slideLayout59.xml"/><Relationship Id="rId5" Type="http://schemas.openxmlformats.org/officeDocument/2006/relationships/slideLayout" Target="../slideLayouts/slideLayout32.xml"/><Relationship Id="rId15" Type="http://schemas.openxmlformats.org/officeDocument/2006/relationships/slideLayout" Target="../slideLayouts/slideLayout42.xml"/><Relationship Id="rId23" Type="http://schemas.openxmlformats.org/officeDocument/2006/relationships/slideLayout" Target="../slideLayouts/slideLayout50.xml"/><Relationship Id="rId28" Type="http://schemas.openxmlformats.org/officeDocument/2006/relationships/slideLayout" Target="../slideLayouts/slideLayout55.xml"/><Relationship Id="rId36" Type="http://schemas.openxmlformats.org/officeDocument/2006/relationships/image" Target="../media/image1.png"/><Relationship Id="rId10" Type="http://schemas.openxmlformats.org/officeDocument/2006/relationships/slideLayout" Target="../slideLayouts/slideLayout37.xml"/><Relationship Id="rId19" Type="http://schemas.openxmlformats.org/officeDocument/2006/relationships/slideLayout" Target="../slideLayouts/slideLayout46.xml"/><Relationship Id="rId31" Type="http://schemas.openxmlformats.org/officeDocument/2006/relationships/slideLayout" Target="../slideLayouts/slideLayout58.xml"/><Relationship Id="rId4" Type="http://schemas.openxmlformats.org/officeDocument/2006/relationships/slideLayout" Target="../slideLayouts/slideLayout31.xml"/><Relationship Id="rId9" Type="http://schemas.openxmlformats.org/officeDocument/2006/relationships/slideLayout" Target="../slideLayouts/slideLayout36.xml"/><Relationship Id="rId14" Type="http://schemas.openxmlformats.org/officeDocument/2006/relationships/slideLayout" Target="../slideLayouts/slideLayout41.xml"/><Relationship Id="rId22" Type="http://schemas.openxmlformats.org/officeDocument/2006/relationships/slideLayout" Target="../slideLayouts/slideLayout49.xml"/><Relationship Id="rId27" Type="http://schemas.openxmlformats.org/officeDocument/2006/relationships/slideLayout" Target="../slideLayouts/slideLayout54.xml"/><Relationship Id="rId30" Type="http://schemas.openxmlformats.org/officeDocument/2006/relationships/slideLayout" Target="../slideLayouts/slideLayout57.xml"/><Relationship Id="rId35" Type="http://schemas.openxmlformats.org/officeDocument/2006/relationships/theme" Target="../theme/theme2.xml"/><Relationship Id="rId8" Type="http://schemas.openxmlformats.org/officeDocument/2006/relationships/slideLayout" Target="../slideLayouts/slideLayout35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9.xml"/><Relationship Id="rId3" Type="http://schemas.openxmlformats.org/officeDocument/2006/relationships/slideLayout" Target="../slideLayouts/slideLayout64.xml"/><Relationship Id="rId7" Type="http://schemas.openxmlformats.org/officeDocument/2006/relationships/slideLayout" Target="../slideLayouts/slideLayout68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63.xml"/><Relationship Id="rId1" Type="http://schemas.openxmlformats.org/officeDocument/2006/relationships/slideLayout" Target="../slideLayouts/slideLayout62.xml"/><Relationship Id="rId6" Type="http://schemas.openxmlformats.org/officeDocument/2006/relationships/slideLayout" Target="../slideLayouts/slideLayout67.xml"/><Relationship Id="rId11" Type="http://schemas.openxmlformats.org/officeDocument/2006/relationships/slideLayout" Target="../slideLayouts/slideLayout72.xml"/><Relationship Id="rId5" Type="http://schemas.openxmlformats.org/officeDocument/2006/relationships/slideLayout" Target="../slideLayouts/slideLayout66.xml"/><Relationship Id="rId10" Type="http://schemas.openxmlformats.org/officeDocument/2006/relationships/slideLayout" Target="../slideLayouts/slideLayout71.xml"/><Relationship Id="rId4" Type="http://schemas.openxmlformats.org/officeDocument/2006/relationships/slideLayout" Target="../slideLayouts/slideLayout65.xml"/><Relationship Id="rId9" Type="http://schemas.openxmlformats.org/officeDocument/2006/relationships/slideLayout" Target="../slideLayouts/slideLayout70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0.xml"/><Relationship Id="rId13" Type="http://schemas.openxmlformats.org/officeDocument/2006/relationships/slideLayout" Target="../slideLayouts/slideLayout85.xml"/><Relationship Id="rId18" Type="http://schemas.openxmlformats.org/officeDocument/2006/relationships/slideLayout" Target="../slideLayouts/slideLayout90.xml"/><Relationship Id="rId26" Type="http://schemas.openxmlformats.org/officeDocument/2006/relationships/slideLayout" Target="../slideLayouts/slideLayout98.xml"/><Relationship Id="rId3" Type="http://schemas.openxmlformats.org/officeDocument/2006/relationships/slideLayout" Target="../slideLayouts/slideLayout75.xml"/><Relationship Id="rId21" Type="http://schemas.openxmlformats.org/officeDocument/2006/relationships/slideLayout" Target="../slideLayouts/slideLayout93.xml"/><Relationship Id="rId7" Type="http://schemas.openxmlformats.org/officeDocument/2006/relationships/slideLayout" Target="../slideLayouts/slideLayout79.xml"/><Relationship Id="rId12" Type="http://schemas.openxmlformats.org/officeDocument/2006/relationships/slideLayout" Target="../slideLayouts/slideLayout84.xml"/><Relationship Id="rId17" Type="http://schemas.openxmlformats.org/officeDocument/2006/relationships/slideLayout" Target="../slideLayouts/slideLayout89.xml"/><Relationship Id="rId25" Type="http://schemas.openxmlformats.org/officeDocument/2006/relationships/slideLayout" Target="../slideLayouts/slideLayout97.xml"/><Relationship Id="rId2" Type="http://schemas.openxmlformats.org/officeDocument/2006/relationships/slideLayout" Target="../slideLayouts/slideLayout74.xml"/><Relationship Id="rId16" Type="http://schemas.openxmlformats.org/officeDocument/2006/relationships/slideLayout" Target="../slideLayouts/slideLayout88.xml"/><Relationship Id="rId20" Type="http://schemas.openxmlformats.org/officeDocument/2006/relationships/slideLayout" Target="../slideLayouts/slideLayout92.xml"/><Relationship Id="rId29" Type="http://schemas.openxmlformats.org/officeDocument/2006/relationships/slideLayout" Target="../slideLayouts/slideLayout101.xml"/><Relationship Id="rId1" Type="http://schemas.openxmlformats.org/officeDocument/2006/relationships/slideLayout" Target="../slideLayouts/slideLayout73.xml"/><Relationship Id="rId6" Type="http://schemas.openxmlformats.org/officeDocument/2006/relationships/slideLayout" Target="../slideLayouts/slideLayout78.xml"/><Relationship Id="rId11" Type="http://schemas.openxmlformats.org/officeDocument/2006/relationships/slideLayout" Target="../slideLayouts/slideLayout83.xml"/><Relationship Id="rId24" Type="http://schemas.openxmlformats.org/officeDocument/2006/relationships/slideLayout" Target="../slideLayouts/slideLayout96.xml"/><Relationship Id="rId32" Type="http://schemas.openxmlformats.org/officeDocument/2006/relationships/theme" Target="../theme/theme4.xml"/><Relationship Id="rId5" Type="http://schemas.openxmlformats.org/officeDocument/2006/relationships/slideLayout" Target="../slideLayouts/slideLayout77.xml"/><Relationship Id="rId15" Type="http://schemas.openxmlformats.org/officeDocument/2006/relationships/slideLayout" Target="../slideLayouts/slideLayout87.xml"/><Relationship Id="rId23" Type="http://schemas.openxmlformats.org/officeDocument/2006/relationships/slideLayout" Target="../slideLayouts/slideLayout95.xml"/><Relationship Id="rId28" Type="http://schemas.openxmlformats.org/officeDocument/2006/relationships/slideLayout" Target="../slideLayouts/slideLayout100.xml"/><Relationship Id="rId10" Type="http://schemas.openxmlformats.org/officeDocument/2006/relationships/slideLayout" Target="../slideLayouts/slideLayout82.xml"/><Relationship Id="rId19" Type="http://schemas.openxmlformats.org/officeDocument/2006/relationships/slideLayout" Target="../slideLayouts/slideLayout91.xml"/><Relationship Id="rId31" Type="http://schemas.openxmlformats.org/officeDocument/2006/relationships/slideLayout" Target="../slideLayouts/slideLayout103.xml"/><Relationship Id="rId4" Type="http://schemas.openxmlformats.org/officeDocument/2006/relationships/slideLayout" Target="../slideLayouts/slideLayout76.xml"/><Relationship Id="rId9" Type="http://schemas.openxmlformats.org/officeDocument/2006/relationships/slideLayout" Target="../slideLayouts/slideLayout81.xml"/><Relationship Id="rId14" Type="http://schemas.openxmlformats.org/officeDocument/2006/relationships/slideLayout" Target="../slideLayouts/slideLayout86.xml"/><Relationship Id="rId22" Type="http://schemas.openxmlformats.org/officeDocument/2006/relationships/slideLayout" Target="../slideLayouts/slideLayout94.xml"/><Relationship Id="rId27" Type="http://schemas.openxmlformats.org/officeDocument/2006/relationships/slideLayout" Target="../slideLayouts/slideLayout99.xml"/><Relationship Id="rId30" Type="http://schemas.openxmlformats.org/officeDocument/2006/relationships/slideLayout" Target="../slideLayouts/slideLayout10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636906" y="6322205"/>
            <a:ext cx="453473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defTabSz="814305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spc="27" baseline="0" dirty="0">
                <a:solidFill>
                  <a:schemeClr val="bg2">
                    <a:lumMod val="6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8223618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  <p:sldLayoutId id="2147483682" r:id="rId22"/>
    <p:sldLayoutId id="2147483683" r:id="rId23"/>
    <p:sldLayoutId id="2147483684" r:id="rId24"/>
    <p:sldLayoutId id="2147483685" r:id="rId25"/>
    <p:sldLayoutId id="2147483686" r:id="rId26"/>
    <p:sldLayoutId id="2147483687" r:id="rId27"/>
  </p:sldLayoutIdLst>
  <p:txStyles>
    <p:titleStyle>
      <a:lvl1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733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2pPr>
      <a:lvl3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3pPr>
      <a:lvl4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4pPr>
      <a:lvl5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5pPr>
      <a:lvl6pPr marL="609585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6pPr>
      <a:lvl7pPr marL="1219170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7pPr>
      <a:lvl8pPr marL="1828754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8pPr>
      <a:lvl9pPr marL="2438339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226478" indent="-226478" algn="l" defTabSz="912261" rtl="0" eaLnBrk="1" fontAlgn="base" hangingPunct="1">
        <a:lnSpc>
          <a:spcPct val="95000"/>
        </a:lnSpc>
        <a:spcBef>
          <a:spcPts val="1433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20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478355" indent="-287859" algn="l" defTabSz="912261" rtl="0" eaLnBrk="1" fontAlgn="base" hangingPunct="1">
        <a:lnSpc>
          <a:spcPct val="95000"/>
        </a:lnSpc>
        <a:spcBef>
          <a:spcPts val="8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8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575719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6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670967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4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766214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4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1151779" indent="-228588" algn="l" defTabSz="914346" rtl="0" eaLnBrk="1" latinLnBrk="0" hangingPunct="1">
        <a:spcBef>
          <a:spcPts val="800"/>
        </a:spcBef>
        <a:buFont typeface="Arial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247761" indent="-228557" algn="l" defTabSz="914346" rtl="0" eaLnBrk="1" latinLnBrk="0" hangingPunct="1">
        <a:spcBef>
          <a:spcPts val="800"/>
        </a:spcBef>
        <a:buFont typeface="Arial" pitchFamily="34" charset="0"/>
        <a:buChar char="•"/>
        <a:defRPr sz="1067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3200213" indent="0" algn="l" defTabSz="914346" rtl="0" eaLnBrk="1" latinLnBrk="0" hangingPunct="1">
        <a:spcBef>
          <a:spcPct val="20000"/>
        </a:spcBef>
        <a:buFont typeface="Arial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974" indent="-228588" algn="l" defTabSz="91434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1pPr>
      <a:lvl2pPr marL="457170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2pPr>
      <a:lvl3pPr marL="914346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3pPr>
      <a:lvl4pPr marL="1371519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4pPr>
      <a:lvl5pPr marL="1828694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5pPr>
      <a:lvl6pPr marL="2285864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6pPr>
      <a:lvl7pPr marL="2743041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7pPr>
      <a:lvl8pPr marL="3200213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8pPr>
      <a:lvl9pPr marL="3657389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636906" y="6322205"/>
            <a:ext cx="453473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defTabSz="814305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spc="27" baseline="0" dirty="0">
                <a:solidFill>
                  <a:schemeClr val="bg2">
                    <a:lumMod val="6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Public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2FD48B3-1FCE-B649-AC6C-CD1C21D5B8E5}"/>
              </a:ext>
            </a:extLst>
          </p:cNvPr>
          <p:cNvPicPr>
            <a:picLocks noChangeAspect="1"/>
          </p:cNvPicPr>
          <p:nvPr/>
        </p:nvPicPr>
        <p:blipFill>
          <a:blip r:embed="rId36" cstate="screen"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829779" y="6322205"/>
            <a:ext cx="881226" cy="272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34818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9" r:id="rId1"/>
    <p:sldLayoutId id="2147483690" r:id="rId2"/>
    <p:sldLayoutId id="2147483691" r:id="rId3"/>
    <p:sldLayoutId id="2147483692" r:id="rId4"/>
    <p:sldLayoutId id="2147483693" r:id="rId5"/>
    <p:sldLayoutId id="2147483694" r:id="rId6"/>
    <p:sldLayoutId id="2147483695" r:id="rId7"/>
    <p:sldLayoutId id="2147483696" r:id="rId8"/>
    <p:sldLayoutId id="2147483697" r:id="rId9"/>
    <p:sldLayoutId id="2147483698" r:id="rId10"/>
    <p:sldLayoutId id="2147483699" r:id="rId11"/>
    <p:sldLayoutId id="2147483700" r:id="rId12"/>
    <p:sldLayoutId id="2147483701" r:id="rId13"/>
    <p:sldLayoutId id="2147483702" r:id="rId14"/>
    <p:sldLayoutId id="2147483703" r:id="rId15"/>
    <p:sldLayoutId id="2147483704" r:id="rId16"/>
    <p:sldLayoutId id="2147483705" r:id="rId17"/>
    <p:sldLayoutId id="2147483706" r:id="rId18"/>
    <p:sldLayoutId id="2147483707" r:id="rId19"/>
    <p:sldLayoutId id="2147483708" r:id="rId20"/>
    <p:sldLayoutId id="2147483709" r:id="rId21"/>
    <p:sldLayoutId id="2147483710" r:id="rId22"/>
    <p:sldLayoutId id="2147483711" r:id="rId23"/>
    <p:sldLayoutId id="2147483712" r:id="rId24"/>
    <p:sldLayoutId id="2147483713" r:id="rId25"/>
    <p:sldLayoutId id="2147483714" r:id="rId26"/>
    <p:sldLayoutId id="2147483715" r:id="rId27"/>
    <p:sldLayoutId id="2147483716" r:id="rId28"/>
    <p:sldLayoutId id="2147483717" r:id="rId29"/>
    <p:sldLayoutId id="2147483718" r:id="rId30"/>
    <p:sldLayoutId id="2147483719" r:id="rId31"/>
    <p:sldLayoutId id="2147483720" r:id="rId32"/>
    <p:sldLayoutId id="2147483721" r:id="rId33"/>
    <p:sldLayoutId id="2147483722" r:id="rId3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733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2pPr>
      <a:lvl3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3pPr>
      <a:lvl4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4pPr>
      <a:lvl5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5pPr>
      <a:lvl6pPr marL="609585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6pPr>
      <a:lvl7pPr marL="1219170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7pPr>
      <a:lvl8pPr marL="1828754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8pPr>
      <a:lvl9pPr marL="2438339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226478" indent="-226478" algn="l" defTabSz="912261" rtl="0" eaLnBrk="1" fontAlgn="base" hangingPunct="1">
        <a:lnSpc>
          <a:spcPct val="95000"/>
        </a:lnSpc>
        <a:spcBef>
          <a:spcPts val="1433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20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478355" indent="-287859" algn="l" defTabSz="912261" rtl="0" eaLnBrk="1" fontAlgn="base" hangingPunct="1">
        <a:lnSpc>
          <a:spcPct val="95000"/>
        </a:lnSpc>
        <a:spcBef>
          <a:spcPts val="8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8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575719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6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670967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4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766214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4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1151779" indent="-228588" algn="l" defTabSz="914346" rtl="0" eaLnBrk="1" latinLnBrk="0" hangingPunct="1">
        <a:spcBef>
          <a:spcPts val="800"/>
        </a:spcBef>
        <a:buFont typeface="Arial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247761" indent="-228557" algn="l" defTabSz="914346" rtl="0" eaLnBrk="1" latinLnBrk="0" hangingPunct="1">
        <a:spcBef>
          <a:spcPts val="800"/>
        </a:spcBef>
        <a:buFont typeface="Arial" pitchFamily="34" charset="0"/>
        <a:buChar char="•"/>
        <a:defRPr sz="1067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3200213" indent="0" algn="l" defTabSz="914346" rtl="0" eaLnBrk="1" latinLnBrk="0" hangingPunct="1">
        <a:spcBef>
          <a:spcPct val="20000"/>
        </a:spcBef>
        <a:buFont typeface="Arial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974" indent="-228588" algn="l" defTabSz="91434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1pPr>
      <a:lvl2pPr marL="457170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2pPr>
      <a:lvl3pPr marL="914346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3pPr>
      <a:lvl4pPr marL="1371519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4pPr>
      <a:lvl5pPr marL="1828694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5pPr>
      <a:lvl6pPr marL="2285864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6pPr>
      <a:lvl7pPr marL="2743041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7pPr>
      <a:lvl8pPr marL="3200213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8pPr>
      <a:lvl9pPr marL="3657389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583688" y="455085"/>
            <a:ext cx="11127317" cy="975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636906" y="6575777"/>
            <a:ext cx="453473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defTabSz="814305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spc="27" baseline="0" dirty="0">
                <a:solidFill>
                  <a:schemeClr val="bg2">
                    <a:lumMod val="65000"/>
                  </a:schemeClr>
                </a:solidFill>
                <a:latin typeface="+mn-lt"/>
                <a:ea typeface="+mn-ea"/>
                <a:cs typeface="CiscoSans Thin"/>
              </a:rPr>
              <a:t>© 2018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42573008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4" r:id="rId1"/>
    <p:sldLayoutId id="2147483725" r:id="rId2"/>
    <p:sldLayoutId id="2147483726" r:id="rId3"/>
    <p:sldLayoutId id="2147483727" r:id="rId4"/>
    <p:sldLayoutId id="2147483728" r:id="rId5"/>
    <p:sldLayoutId id="2147483729" r:id="rId6"/>
    <p:sldLayoutId id="2147483730" r:id="rId7"/>
    <p:sldLayoutId id="2147483731" r:id="rId8"/>
    <p:sldLayoutId id="2147483732" r:id="rId9"/>
    <p:sldLayoutId id="2147483733" r:id="rId10"/>
    <p:sldLayoutId id="2147483734" r:id="rId11"/>
  </p:sldLayoutIdLst>
  <p:hf hdr="0" ftr="0" dt="0"/>
  <p:txStyles>
    <p:titleStyle>
      <a:lvl1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733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2pPr>
      <a:lvl3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3pPr>
      <a:lvl4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4pPr>
      <a:lvl5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5pPr>
      <a:lvl6pPr marL="609585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6pPr>
      <a:lvl7pPr marL="1219170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7pPr>
      <a:lvl8pPr marL="1828754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8pPr>
      <a:lvl9pPr marL="2438339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226478" indent="-226478" algn="l" defTabSz="912261" rtl="0" eaLnBrk="1" fontAlgn="base" hangingPunct="1">
        <a:lnSpc>
          <a:spcPct val="95000"/>
        </a:lnSpc>
        <a:spcBef>
          <a:spcPts val="1433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20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478355" indent="-287859" algn="l" defTabSz="912261" rtl="0" eaLnBrk="1" fontAlgn="base" hangingPunct="1">
        <a:lnSpc>
          <a:spcPct val="95000"/>
        </a:lnSpc>
        <a:spcBef>
          <a:spcPts val="8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8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575719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6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670967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4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766214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4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1151779" indent="-228588" algn="l" defTabSz="914346" rtl="0" eaLnBrk="1" latinLnBrk="0" hangingPunct="1">
        <a:spcBef>
          <a:spcPts val="800"/>
        </a:spcBef>
        <a:buFont typeface="Arial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247761" indent="-228557" algn="l" defTabSz="914346" rtl="0" eaLnBrk="1" latinLnBrk="0" hangingPunct="1">
        <a:spcBef>
          <a:spcPts val="800"/>
        </a:spcBef>
        <a:buFont typeface="Arial" pitchFamily="34" charset="0"/>
        <a:buChar char="•"/>
        <a:defRPr sz="1067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3200213" indent="0" algn="l" defTabSz="914346" rtl="0" eaLnBrk="1" latinLnBrk="0" hangingPunct="1">
        <a:spcBef>
          <a:spcPct val="20000"/>
        </a:spcBef>
        <a:buFont typeface="Arial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974" indent="-228588" algn="l" defTabSz="91434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1pPr>
      <a:lvl2pPr marL="457170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2pPr>
      <a:lvl3pPr marL="914346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3pPr>
      <a:lvl4pPr marL="1371519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4pPr>
      <a:lvl5pPr marL="1828694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5pPr>
      <a:lvl6pPr marL="2285864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6pPr>
      <a:lvl7pPr marL="2743041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7pPr>
      <a:lvl8pPr marL="3200213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8pPr>
      <a:lvl9pPr marL="3657389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  <p15:guide id="8" orient="horz" pos="1620">
          <p15:clr>
            <a:srgbClr val="F26B43"/>
          </p15:clr>
        </p15:guide>
        <p15:guide id="9" pos="2880">
          <p15:clr>
            <a:srgbClr val="F26B43"/>
          </p15:clr>
        </p15:guide>
        <p15:guide id="10" pos="288">
          <p15:clr>
            <a:srgbClr val="F26B43"/>
          </p15:clr>
        </p15:guide>
        <p15:guide id="11" pos="5496">
          <p15:clr>
            <a:srgbClr val="F26B43"/>
          </p15:clr>
        </p15:guide>
        <p15:guide id="12" orient="horz" pos="540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24384" y="36576"/>
            <a:ext cx="11127317" cy="8656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636906" y="6322205"/>
            <a:ext cx="4534733" cy="206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82115" tIns="41056" rIns="82115" bIns="41056" anchor="b">
            <a:spAutoFit/>
          </a:bodyPr>
          <a:lstStyle/>
          <a:p>
            <a:pPr defTabSz="814305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800" spc="27" baseline="0" dirty="0">
                <a:solidFill>
                  <a:schemeClr val="bg2">
                    <a:lumMod val="65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2019  Cisco and/or its affiliates. All rights reserved.   Cisco Confidential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4C417EB4-14CA-8449-B21E-E6C132C92492}"/>
              </a:ext>
            </a:extLst>
          </p:cNvPr>
          <p:cNvSpPr txBox="1"/>
          <p:nvPr/>
        </p:nvSpPr>
        <p:spPr>
          <a:xfrm>
            <a:off x="10095567" y="6259549"/>
            <a:ext cx="2081563" cy="564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67" b="1" spc="200" baseline="0" dirty="0">
                <a:solidFill>
                  <a:srgbClr val="0070C0"/>
                </a:solidFill>
                <a:latin typeface="+mn-lt"/>
              </a:rPr>
              <a:t>Global</a:t>
            </a:r>
          </a:p>
          <a:p>
            <a:r>
              <a:rPr lang="en-US" sz="1600" spc="200" baseline="0" dirty="0">
                <a:solidFill>
                  <a:schemeClr val="tx1">
                    <a:lumMod val="90000"/>
                    <a:lumOff val="10000"/>
                  </a:schemeClr>
                </a:solidFill>
                <a:latin typeface="+mn-lt"/>
              </a:rPr>
              <a:t>Sales Training</a:t>
            </a:r>
          </a:p>
        </p:txBody>
      </p:sp>
    </p:spTree>
    <p:extLst>
      <p:ext uri="{BB962C8B-B14F-4D97-AF65-F5344CB8AC3E}">
        <p14:creationId xmlns:p14="http://schemas.microsoft.com/office/powerpoint/2010/main" val="40137306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6" r:id="rId1"/>
    <p:sldLayoutId id="2147483737" r:id="rId2"/>
    <p:sldLayoutId id="2147483738" r:id="rId3"/>
    <p:sldLayoutId id="2147483739" r:id="rId4"/>
    <p:sldLayoutId id="2147483740" r:id="rId5"/>
    <p:sldLayoutId id="2147483741" r:id="rId6"/>
    <p:sldLayoutId id="2147483742" r:id="rId7"/>
    <p:sldLayoutId id="2147483743" r:id="rId8"/>
    <p:sldLayoutId id="2147483744" r:id="rId9"/>
    <p:sldLayoutId id="2147483745" r:id="rId10"/>
    <p:sldLayoutId id="2147483746" r:id="rId11"/>
    <p:sldLayoutId id="2147483747" r:id="rId12"/>
    <p:sldLayoutId id="2147483748" r:id="rId13"/>
    <p:sldLayoutId id="2147483749" r:id="rId14"/>
    <p:sldLayoutId id="2147483750" r:id="rId15"/>
    <p:sldLayoutId id="2147483751" r:id="rId16"/>
    <p:sldLayoutId id="2147483752" r:id="rId17"/>
    <p:sldLayoutId id="2147483753" r:id="rId18"/>
    <p:sldLayoutId id="2147483754" r:id="rId19"/>
    <p:sldLayoutId id="2147483755" r:id="rId20"/>
    <p:sldLayoutId id="2147483756" r:id="rId21"/>
    <p:sldLayoutId id="2147483757" r:id="rId22"/>
    <p:sldLayoutId id="2147483758" r:id="rId23"/>
    <p:sldLayoutId id="2147483759" r:id="rId24"/>
    <p:sldLayoutId id="2147483760" r:id="rId25"/>
    <p:sldLayoutId id="2147483761" r:id="rId26"/>
    <p:sldLayoutId id="2147483762" r:id="rId27"/>
    <p:sldLayoutId id="2147483763" r:id="rId28"/>
    <p:sldLayoutId id="2147483764" r:id="rId29"/>
    <p:sldLayoutId id="2147483765" r:id="rId30"/>
    <p:sldLayoutId id="2147483766" r:id="rId31"/>
  </p:sldLayoutIdLst>
  <p:txStyles>
    <p:titleStyle>
      <a:lvl1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733" b="0" i="0" u="none" kern="1200" dirty="0">
          <a:solidFill>
            <a:schemeClr val="bg1"/>
          </a:solidFill>
          <a:latin typeface="+mj-lt"/>
          <a:ea typeface="CiscoSansTT Light" panose="020B0503020201020303" pitchFamily="34" charset="0"/>
          <a:cs typeface="CiscoSansTT Light" panose="020B0503020201020303" pitchFamily="34" charset="0"/>
        </a:defRPr>
      </a:lvl1pPr>
      <a:lvl2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2pPr>
      <a:lvl3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3pPr>
      <a:lvl4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4pPr>
      <a:lvl5pPr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5pPr>
      <a:lvl6pPr marL="609585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6pPr>
      <a:lvl7pPr marL="1219170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7pPr>
      <a:lvl8pPr marL="1828754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8pPr>
      <a:lvl9pPr marL="2438339" algn="l" defTabSz="912261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4267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226478" indent="-226478" algn="l" defTabSz="912261" rtl="0" eaLnBrk="1" fontAlgn="base" hangingPunct="1">
        <a:lnSpc>
          <a:spcPct val="95000"/>
        </a:lnSpc>
        <a:spcBef>
          <a:spcPts val="1433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20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478355" indent="-287859" algn="l" defTabSz="912261" rtl="0" eaLnBrk="1" fontAlgn="base" hangingPunct="1">
        <a:lnSpc>
          <a:spcPct val="95000"/>
        </a:lnSpc>
        <a:spcBef>
          <a:spcPts val="8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8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575719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6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670967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4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766214" indent="-226478" algn="l" defTabSz="912261" rtl="0" eaLnBrk="1" fontAlgn="base" hangingPunct="1">
        <a:lnSpc>
          <a:spcPct val="95000"/>
        </a:lnSpc>
        <a:spcBef>
          <a:spcPts val="833"/>
        </a:spcBef>
        <a:spcAft>
          <a:spcPct val="0"/>
        </a:spcAft>
        <a:buFont typeface="Arial" charset="0"/>
        <a:buChar char="•"/>
        <a:defRPr lang="en-US" sz="1467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1151779" indent="-228588" algn="l" defTabSz="914346" rtl="0" eaLnBrk="1" latinLnBrk="0" hangingPunct="1">
        <a:spcBef>
          <a:spcPts val="800"/>
        </a:spcBef>
        <a:buFont typeface="Arial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247761" indent="-228557" algn="l" defTabSz="914346" rtl="0" eaLnBrk="1" latinLnBrk="0" hangingPunct="1">
        <a:spcBef>
          <a:spcPts val="800"/>
        </a:spcBef>
        <a:buFont typeface="Arial" pitchFamily="34" charset="0"/>
        <a:buChar char="•"/>
        <a:defRPr sz="1067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3200213" indent="0" algn="l" defTabSz="914346" rtl="0" eaLnBrk="1" latinLnBrk="0" hangingPunct="1">
        <a:spcBef>
          <a:spcPct val="20000"/>
        </a:spcBef>
        <a:buFont typeface="Arial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974" indent="-228588" algn="l" defTabSz="91434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1pPr>
      <a:lvl2pPr marL="457170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2pPr>
      <a:lvl3pPr marL="914346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3pPr>
      <a:lvl4pPr marL="1371519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4pPr>
      <a:lvl5pPr marL="1828694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5pPr>
      <a:lvl6pPr marL="2285864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6pPr>
      <a:lvl7pPr marL="2743041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7pPr>
      <a:lvl8pPr marL="3200213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8pPr>
      <a:lvl9pPr marL="3657389" algn="l" defTabSz="914346" rtl="0" eaLnBrk="1" latinLnBrk="0" hangingPunct="1">
        <a:defRPr sz="186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9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9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developer.cisco.com/learning/modules/dev-setup" TargetMode="External"/><Relationship Id="rId2" Type="http://schemas.openxmlformats.org/officeDocument/2006/relationships/hyperlink" Target="https://developer.cisco.com/video/net-prog-basics/" TargetMode="External"/><Relationship Id="rId1" Type="http://schemas.openxmlformats.org/officeDocument/2006/relationships/slideLayout" Target="../slideLayouts/slideLayout38.xml"/><Relationship Id="rId5" Type="http://schemas.openxmlformats.org/officeDocument/2006/relationships/hyperlink" Target="https://www.learnpython.org/" TargetMode="External"/><Relationship Id="rId4" Type="http://schemas.openxmlformats.org/officeDocument/2006/relationships/hyperlink" Target="https://cisco.sharepoint.com/sites/ent_devnet" TargetMode="Externa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1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4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1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DFAD8C31-63DA-7748-9452-094F4A7E4147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CN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A236F9-5B58-6243-B1C9-F5E70C369E2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CN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1397A6E-1AB3-6143-A3EB-5351D6193E1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CN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0C8D39-1DA4-1A4F-96EE-E5E97F0772C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altLang="zh-CN" dirty="0"/>
              <a:t>0</a:t>
            </a:r>
            <a:r>
              <a:rPr lang="zh-CN" altLang="en-US" dirty="0"/>
              <a:t> </a:t>
            </a:r>
            <a:r>
              <a:rPr lang="en-US" altLang="zh-CN" dirty="0"/>
              <a:t>-</a:t>
            </a:r>
            <a:r>
              <a:rPr lang="zh-CN" altLang="en-US" dirty="0"/>
              <a:t> </a:t>
            </a:r>
            <a:r>
              <a:rPr lang="en-CN" dirty="0"/>
              <a:t>Kickoff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BB6D2400-87FB-3B4D-861A-B277F028C9D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CN" dirty="0"/>
              <a:t>Dev</a:t>
            </a:r>
            <a:r>
              <a:rPr lang="en-US" altLang="zh-CN" dirty="0"/>
              <a:t>Ne</a:t>
            </a:r>
            <a:r>
              <a:rPr lang="en-CN" dirty="0"/>
              <a:t>t</a:t>
            </a:r>
            <a:r>
              <a:rPr lang="zh-CN" altLang="en-US" dirty="0"/>
              <a:t> </a:t>
            </a:r>
            <a:r>
              <a:rPr lang="en-US" altLang="zh-CN" dirty="0"/>
              <a:t>Learning</a:t>
            </a:r>
            <a:r>
              <a:rPr lang="zh-CN" altLang="en-US" dirty="0"/>
              <a:t> </a:t>
            </a:r>
            <a:r>
              <a:rPr lang="en-US" altLang="zh-CN" dirty="0"/>
              <a:t>Forum</a:t>
            </a:r>
            <a:endParaRPr lang="en-CN" dirty="0"/>
          </a:p>
        </p:txBody>
      </p:sp>
    </p:spTree>
    <p:extLst>
      <p:ext uri="{BB962C8B-B14F-4D97-AF65-F5344CB8AC3E}">
        <p14:creationId xmlns:p14="http://schemas.microsoft.com/office/powerpoint/2010/main" val="2193831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D891410B-5DD0-BE4F-B12F-737A1361462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CN" altLang="zh-CN" dirty="0"/>
              <a:t>About</a:t>
            </a:r>
            <a:r>
              <a:rPr lang="zh-CN" altLang="en-US" dirty="0"/>
              <a:t> </a:t>
            </a:r>
            <a:r>
              <a:rPr lang="en-US" altLang="zh-CN" dirty="0"/>
              <a:t>the</a:t>
            </a:r>
            <a:r>
              <a:rPr lang="zh-CN" altLang="en-US" dirty="0"/>
              <a:t> </a:t>
            </a:r>
            <a:r>
              <a:rPr lang="en-US" altLang="zh-CN" dirty="0"/>
              <a:t>Forum</a:t>
            </a:r>
            <a:endParaRPr lang="en-CN" dirty="0"/>
          </a:p>
        </p:txBody>
      </p:sp>
    </p:spTree>
    <p:extLst>
      <p:ext uri="{BB962C8B-B14F-4D97-AF65-F5344CB8AC3E}">
        <p14:creationId xmlns:p14="http://schemas.microsoft.com/office/powerpoint/2010/main" val="42608840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8CC4880-6843-9548-BD5C-03F65D2F73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N" dirty="0"/>
              <a:t>Slogan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7B332EA-4D06-7446-B0C6-094EE609FB1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CN" dirty="0"/>
              <a:t>Learn</a:t>
            </a:r>
            <a:r>
              <a:rPr lang="zh-CN" altLang="en-US" dirty="0"/>
              <a:t> </a:t>
            </a:r>
            <a:r>
              <a:rPr lang="en-US" altLang="zh-CN" dirty="0"/>
              <a:t>a</a:t>
            </a:r>
            <a:r>
              <a:rPr lang="zh-CN" altLang="en-US" dirty="0"/>
              <a:t> </a:t>
            </a:r>
            <a:r>
              <a:rPr lang="en-US" altLang="zh-CN" dirty="0"/>
              <a:t>bit</a:t>
            </a:r>
          </a:p>
          <a:p>
            <a:r>
              <a:rPr lang="en-US" altLang="zh-CN" dirty="0"/>
              <a:t>Get</a:t>
            </a:r>
            <a:r>
              <a:rPr lang="zh-CN" altLang="en-US" dirty="0"/>
              <a:t> </a:t>
            </a:r>
            <a:r>
              <a:rPr lang="en-US" altLang="zh-CN" dirty="0"/>
              <a:t>a</a:t>
            </a:r>
            <a:r>
              <a:rPr lang="zh-CN" altLang="en-US" dirty="0"/>
              <a:t> </a:t>
            </a:r>
            <a:r>
              <a:rPr lang="en-US" altLang="zh-CN" dirty="0"/>
              <a:t>certificate</a:t>
            </a:r>
          </a:p>
          <a:p>
            <a:r>
              <a:rPr lang="en-US" altLang="zh-CN" dirty="0"/>
              <a:t>Have</a:t>
            </a:r>
            <a:r>
              <a:rPr lang="zh-CN" altLang="en-US" dirty="0"/>
              <a:t> </a:t>
            </a:r>
            <a:r>
              <a:rPr lang="en-US" altLang="zh-CN" dirty="0"/>
              <a:t>a</a:t>
            </a:r>
            <a:r>
              <a:rPr lang="zh-CN" altLang="en-US" dirty="0"/>
              <a:t> </a:t>
            </a:r>
            <a:r>
              <a:rPr lang="en-US" altLang="zh-CN" dirty="0"/>
              <a:t>lot</a:t>
            </a:r>
            <a:r>
              <a:rPr lang="zh-CN" altLang="en-US" dirty="0"/>
              <a:t> </a:t>
            </a:r>
            <a:r>
              <a:rPr lang="en-US" altLang="zh-CN" dirty="0"/>
              <a:t>of</a:t>
            </a:r>
            <a:r>
              <a:rPr lang="zh-CN" altLang="en-US" dirty="0"/>
              <a:t> </a:t>
            </a:r>
            <a:r>
              <a:rPr lang="en-US" altLang="zh-CN" dirty="0"/>
              <a:t>fun</a:t>
            </a:r>
          </a:p>
          <a:p>
            <a:endParaRPr lang="en-CN" dirty="0"/>
          </a:p>
        </p:txBody>
      </p:sp>
    </p:spTree>
    <p:extLst>
      <p:ext uri="{BB962C8B-B14F-4D97-AF65-F5344CB8AC3E}">
        <p14:creationId xmlns:p14="http://schemas.microsoft.com/office/powerpoint/2010/main" val="26211889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B987F2-80AD-AF44-AE91-A55A3D20B3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N" dirty="0"/>
              <a:t>Speake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7330336-E623-1844-B5FC-6E20DECFD23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CN" dirty="0"/>
              <a:t>Week</a:t>
            </a:r>
            <a:r>
              <a:rPr lang="en-US" altLang="zh-CN" dirty="0"/>
              <a:t>1:</a:t>
            </a:r>
            <a:r>
              <a:rPr lang="zh-CN" altLang="en-US" dirty="0"/>
              <a:t> </a:t>
            </a:r>
            <a:r>
              <a:rPr lang="en-US" altLang="zh-CN" dirty="0"/>
              <a:t>Frank</a:t>
            </a:r>
          </a:p>
          <a:p>
            <a:r>
              <a:rPr lang="en-US" dirty="0"/>
              <a:t>Week</a:t>
            </a:r>
            <a:r>
              <a:rPr lang="en-US" altLang="zh-CN" dirty="0"/>
              <a:t>2:</a:t>
            </a:r>
            <a:r>
              <a:rPr lang="zh-CN" altLang="en-US" dirty="0"/>
              <a:t> </a:t>
            </a:r>
            <a:r>
              <a:rPr lang="en-US" altLang="zh-CN" dirty="0"/>
              <a:t>TBD</a:t>
            </a:r>
          </a:p>
          <a:p>
            <a:r>
              <a:rPr lang="en-US" dirty="0"/>
              <a:t>Week</a:t>
            </a:r>
            <a:r>
              <a:rPr lang="en-US" altLang="zh-CN" dirty="0"/>
              <a:t>3:</a:t>
            </a:r>
            <a:r>
              <a:rPr lang="zh-CN" altLang="en-US" dirty="0"/>
              <a:t> </a:t>
            </a:r>
            <a:r>
              <a:rPr lang="en-US" altLang="zh-CN" dirty="0"/>
              <a:t>TBD</a:t>
            </a:r>
          </a:p>
          <a:p>
            <a:r>
              <a:rPr lang="en-US" dirty="0"/>
              <a:t>Week</a:t>
            </a:r>
            <a:r>
              <a:rPr lang="en-US" altLang="zh-CN" dirty="0"/>
              <a:t>4:</a:t>
            </a:r>
            <a:r>
              <a:rPr lang="zh-CN" altLang="en-US" dirty="0"/>
              <a:t> </a:t>
            </a:r>
            <a:r>
              <a:rPr lang="en-US" altLang="zh-CN" dirty="0"/>
              <a:t>TBD</a:t>
            </a:r>
          </a:p>
          <a:p>
            <a:r>
              <a:rPr lang="en-US" dirty="0"/>
              <a:t>Week</a:t>
            </a:r>
            <a:r>
              <a:rPr lang="en-US" altLang="zh-CN" dirty="0"/>
              <a:t>5:</a:t>
            </a:r>
            <a:r>
              <a:rPr lang="zh-CN" altLang="en-US" dirty="0"/>
              <a:t> </a:t>
            </a:r>
            <a:r>
              <a:rPr lang="en-US" altLang="zh-CN" dirty="0"/>
              <a:t>TBD</a:t>
            </a:r>
            <a:endParaRPr lang="en-CN" dirty="0"/>
          </a:p>
        </p:txBody>
      </p:sp>
    </p:spTree>
    <p:extLst>
      <p:ext uri="{BB962C8B-B14F-4D97-AF65-F5344CB8AC3E}">
        <p14:creationId xmlns:p14="http://schemas.microsoft.com/office/powerpoint/2010/main" val="33310600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6E92F25-9E02-054A-AEB1-51C42833A78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CN" dirty="0"/>
              <a:t>Week1 </a:t>
            </a:r>
          </a:p>
          <a:p>
            <a:pPr lvl="1"/>
            <a:r>
              <a:rPr lang="en-CN" dirty="0"/>
              <a:t>DevNet Introduction </a:t>
            </a:r>
          </a:p>
          <a:p>
            <a:pPr lvl="1"/>
            <a:r>
              <a:rPr lang="en-CN" dirty="0"/>
              <a:t>Dev Environment Setup</a:t>
            </a:r>
          </a:p>
          <a:p>
            <a:r>
              <a:rPr lang="en-CN" dirty="0"/>
              <a:t>Week2</a:t>
            </a:r>
          </a:p>
          <a:p>
            <a:pPr lvl="1"/>
            <a:r>
              <a:rPr lang="en-CN" dirty="0"/>
              <a:t>Data Models</a:t>
            </a:r>
          </a:p>
          <a:p>
            <a:pPr lvl="1"/>
            <a:r>
              <a:rPr lang="en-CN" dirty="0"/>
              <a:t>Python for Network</a:t>
            </a:r>
          </a:p>
          <a:p>
            <a:r>
              <a:rPr lang="en-CN" dirty="0"/>
              <a:t>Week3</a:t>
            </a:r>
          </a:p>
          <a:p>
            <a:pPr lvl="1"/>
            <a:r>
              <a:rPr lang="en-CN" dirty="0"/>
              <a:t>Yang</a:t>
            </a:r>
            <a:r>
              <a:rPr lang="en-US" altLang="zh-CN" dirty="0"/>
              <a:t>,</a:t>
            </a:r>
            <a:r>
              <a:rPr lang="zh-CN" altLang="en-US" dirty="0"/>
              <a:t> </a:t>
            </a:r>
            <a:r>
              <a:rPr lang="en-US" altLang="zh-CN" dirty="0" err="1"/>
              <a:t>Netconf</a:t>
            </a:r>
            <a:r>
              <a:rPr lang="en-US" altLang="zh-CN" dirty="0"/>
              <a:t>,</a:t>
            </a:r>
            <a:r>
              <a:rPr lang="zh-CN" altLang="en-US" dirty="0"/>
              <a:t> </a:t>
            </a:r>
            <a:r>
              <a:rPr lang="en-US" altLang="zh-CN" dirty="0" err="1"/>
              <a:t>Restconf</a:t>
            </a:r>
            <a:endParaRPr lang="en-US" altLang="zh-CN" dirty="0"/>
          </a:p>
          <a:p>
            <a:pPr lvl="1"/>
            <a:r>
              <a:rPr lang="en-CN" dirty="0"/>
              <a:t>Network Device API 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A28D516-52BB-7245-B346-234658F7194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CN" dirty="0"/>
              <a:t>Week4</a:t>
            </a:r>
          </a:p>
          <a:p>
            <a:pPr lvl="1"/>
            <a:r>
              <a:rPr lang="en-CN" dirty="0"/>
              <a:t>Guest Shell</a:t>
            </a:r>
          </a:p>
          <a:p>
            <a:pPr lvl="1"/>
            <a:r>
              <a:rPr lang="en-CN" dirty="0"/>
              <a:t>Application Hosting</a:t>
            </a:r>
          </a:p>
          <a:p>
            <a:r>
              <a:rPr lang="en-CN" dirty="0"/>
              <a:t>Week5</a:t>
            </a:r>
          </a:p>
          <a:p>
            <a:pPr lvl="1"/>
            <a:r>
              <a:rPr lang="en-CN" dirty="0"/>
              <a:t>DevOps</a:t>
            </a:r>
          </a:p>
          <a:p>
            <a:pPr lvl="1"/>
            <a:r>
              <a:rPr lang="en-CN" dirty="0"/>
              <a:t>Ansib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1873631-AB3B-614B-8FAF-9FD9E568D2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N" dirty="0"/>
              <a:t>Agenda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A5B504A-AB14-0745-B4F5-986694534DAA}"/>
              </a:ext>
            </a:extLst>
          </p:cNvPr>
          <p:cNvSpPr txBox="1"/>
          <p:nvPr/>
        </p:nvSpPr>
        <p:spPr>
          <a:xfrm>
            <a:off x="6360692" y="4616932"/>
            <a:ext cx="3919663" cy="1631216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none" rtlCol="0">
            <a:spAutoFit/>
          </a:bodyPr>
          <a:lstStyle/>
          <a:p>
            <a:r>
              <a:rPr lang="en-US" altLang="zh-CN" sz="2000" dirty="0">
                <a:latin typeface="+mn-lt"/>
              </a:rPr>
              <a:t>At</a:t>
            </a:r>
            <a:r>
              <a:rPr lang="zh-CN" altLang="en-US" sz="2000" dirty="0">
                <a:latin typeface="+mn-lt"/>
              </a:rPr>
              <a:t> </a:t>
            </a:r>
            <a:r>
              <a:rPr lang="en-CN" sz="2000" dirty="0">
                <a:latin typeface="+mn-lt"/>
              </a:rPr>
              <a:t>Every</a:t>
            </a:r>
            <a:r>
              <a:rPr lang="zh-CN" altLang="en-US" sz="2000" dirty="0">
                <a:latin typeface="+mn-lt"/>
              </a:rPr>
              <a:t> </a:t>
            </a:r>
            <a:endParaRPr lang="en-US" altLang="zh-CN" sz="20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zh-CN" sz="2000" dirty="0">
                <a:latin typeface="+mn-lt"/>
              </a:rPr>
              <a:t>Tuesday</a:t>
            </a:r>
            <a:r>
              <a:rPr lang="zh-CN" altLang="en-US" sz="2000" dirty="0">
                <a:latin typeface="+mn-lt"/>
              </a:rPr>
              <a:t> </a:t>
            </a:r>
            <a:r>
              <a:rPr lang="en-US" altLang="zh-CN" sz="2000" dirty="0">
                <a:latin typeface="+mn-lt"/>
              </a:rPr>
              <a:t>4-5:30</a:t>
            </a:r>
            <a:r>
              <a:rPr lang="zh-CN" altLang="en-US" sz="2000" dirty="0">
                <a:latin typeface="+mn-lt"/>
              </a:rPr>
              <a:t> </a:t>
            </a:r>
            <a:r>
              <a:rPr lang="en-US" altLang="zh-CN" sz="2000" dirty="0">
                <a:latin typeface="+mn-lt"/>
              </a:rPr>
              <a:t>p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zh-CN" sz="2000" dirty="0">
                <a:latin typeface="+mn-lt"/>
              </a:rPr>
              <a:t>30mins</a:t>
            </a:r>
            <a:r>
              <a:rPr lang="zh-CN" altLang="en-US" sz="2000" dirty="0">
                <a:latin typeface="+mn-lt"/>
              </a:rPr>
              <a:t> </a:t>
            </a:r>
            <a:r>
              <a:rPr lang="en-US" altLang="zh-CN" sz="2000" dirty="0">
                <a:latin typeface="+mn-lt"/>
              </a:rPr>
              <a:t>practices</a:t>
            </a:r>
            <a:r>
              <a:rPr lang="zh-CN" altLang="en-US" sz="2000" dirty="0">
                <a:latin typeface="+mn-lt"/>
              </a:rPr>
              <a:t> </a:t>
            </a:r>
            <a:endParaRPr lang="en-US" altLang="zh-CN" sz="2000" dirty="0">
              <a:latin typeface="+mn-lt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zh-CN" sz="2000" dirty="0">
                <a:latin typeface="+mn-lt"/>
              </a:rPr>
              <a:t>60mins</a:t>
            </a:r>
            <a:r>
              <a:rPr lang="zh-CN" altLang="en-US" sz="2000" dirty="0">
                <a:latin typeface="+mn-lt"/>
              </a:rPr>
              <a:t> </a:t>
            </a:r>
            <a:r>
              <a:rPr lang="en-US" altLang="zh-CN" sz="2000" dirty="0">
                <a:latin typeface="+mn-lt"/>
              </a:rPr>
              <a:t>lecture</a:t>
            </a:r>
            <a:r>
              <a:rPr lang="zh-CN" altLang="en-US" sz="2000" dirty="0">
                <a:latin typeface="+mn-lt"/>
              </a:rPr>
              <a:t> </a:t>
            </a:r>
            <a:endParaRPr lang="en-US" altLang="zh-CN" sz="2000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zh-CN" sz="2000" dirty="0">
                <a:latin typeface="+mn-lt"/>
              </a:rPr>
              <a:t>Thursday</a:t>
            </a:r>
            <a:r>
              <a:rPr lang="zh-CN" altLang="en-US" sz="2000" dirty="0">
                <a:latin typeface="+mn-lt"/>
              </a:rPr>
              <a:t> </a:t>
            </a:r>
            <a:r>
              <a:rPr lang="en-US" altLang="zh-CN" sz="2000" dirty="0">
                <a:latin typeface="+mn-lt"/>
              </a:rPr>
              <a:t>4-5:30</a:t>
            </a:r>
            <a:r>
              <a:rPr lang="zh-CN" altLang="en-US" sz="2000" dirty="0">
                <a:latin typeface="+mn-lt"/>
              </a:rPr>
              <a:t> </a:t>
            </a:r>
            <a:r>
              <a:rPr lang="en-US" altLang="zh-CN" sz="2000" dirty="0">
                <a:latin typeface="+mn-lt"/>
              </a:rPr>
              <a:t>pm</a:t>
            </a:r>
            <a:r>
              <a:rPr lang="zh-CN" altLang="en-US" sz="2000" dirty="0">
                <a:latin typeface="+mn-lt"/>
              </a:rPr>
              <a:t> </a:t>
            </a:r>
            <a:r>
              <a:rPr lang="en-US" altLang="zh-CN" sz="2000" dirty="0">
                <a:latin typeface="+mn-lt"/>
              </a:rPr>
              <a:t>(if</a:t>
            </a:r>
            <a:r>
              <a:rPr lang="zh-CN" altLang="en-US" sz="2000" dirty="0">
                <a:latin typeface="+mn-lt"/>
              </a:rPr>
              <a:t> </a:t>
            </a:r>
            <a:r>
              <a:rPr lang="en-US" altLang="zh-CN" sz="2000" dirty="0">
                <a:latin typeface="+mn-lt"/>
              </a:rPr>
              <a:t>need)</a:t>
            </a:r>
            <a:endParaRPr lang="en-CN" sz="20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784970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6D1CB1D4-DD93-9A4C-BC5C-065923FD71B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Learn network programmability basics</a:t>
            </a:r>
            <a:r>
              <a:rPr lang="zh-CN" altLang="en-US" dirty="0"/>
              <a:t> </a:t>
            </a:r>
            <a:r>
              <a:rPr lang="en-US" altLang="zh-CN" dirty="0"/>
              <a:t>(</a:t>
            </a:r>
            <a:r>
              <a:rPr lang="en-US" altLang="zh-CN" dirty="0" err="1"/>
              <a:t>DevNet</a:t>
            </a:r>
            <a:r>
              <a:rPr lang="zh-CN" altLang="en-US" dirty="0"/>
              <a:t> </a:t>
            </a:r>
            <a:r>
              <a:rPr lang="en-US" altLang="zh-CN" dirty="0"/>
              <a:t>Video</a:t>
            </a:r>
            <a:r>
              <a:rPr lang="zh-CN" altLang="en-US" dirty="0"/>
              <a:t> </a:t>
            </a:r>
            <a:r>
              <a:rPr lang="en-US" altLang="zh-CN" dirty="0"/>
              <a:t>Courses)</a:t>
            </a:r>
          </a:p>
          <a:p>
            <a:pPr lvl="1"/>
            <a:r>
              <a:rPr lang="en-US" dirty="0">
                <a:hlinkClick r:id="rId2"/>
              </a:rPr>
              <a:t>https://developer.cisco.com/video/net-prog-basics/</a:t>
            </a:r>
            <a:endParaRPr lang="en-US" dirty="0"/>
          </a:p>
          <a:p>
            <a:r>
              <a:rPr lang="en-US" dirty="0"/>
              <a:t>Developer Workstation and Environment Setup</a:t>
            </a:r>
            <a:r>
              <a:rPr lang="zh-CN" altLang="en-US" dirty="0"/>
              <a:t> </a:t>
            </a:r>
            <a:r>
              <a:rPr lang="en-US" altLang="zh-CN" dirty="0"/>
              <a:t>(Step-by-Step</a:t>
            </a:r>
            <a:r>
              <a:rPr lang="zh-CN" altLang="en-US" dirty="0"/>
              <a:t> </a:t>
            </a:r>
            <a:r>
              <a:rPr lang="en-US" altLang="zh-CN" dirty="0"/>
              <a:t>Guide)</a:t>
            </a:r>
            <a:endParaRPr lang="en-US" dirty="0"/>
          </a:p>
          <a:p>
            <a:pPr lvl="1"/>
            <a:r>
              <a:rPr lang="en-US" dirty="0">
                <a:hlinkClick r:id="rId3"/>
              </a:rPr>
              <a:t>https://developer.cisco.com/learning/modules/dev-setup</a:t>
            </a:r>
            <a:endParaRPr lang="en-US" dirty="0"/>
          </a:p>
          <a:p>
            <a:r>
              <a:rPr lang="en-US" dirty="0"/>
              <a:t>ENT</a:t>
            </a:r>
            <a:r>
              <a:rPr lang="zh-CN" altLang="en-US" dirty="0"/>
              <a:t> </a:t>
            </a:r>
            <a:r>
              <a:rPr lang="en-US" altLang="zh-CN" dirty="0" err="1"/>
              <a:t>DevNet</a:t>
            </a:r>
            <a:r>
              <a:rPr lang="zh-CN" altLang="en-US" dirty="0"/>
              <a:t> </a:t>
            </a:r>
            <a:r>
              <a:rPr lang="en-US" altLang="zh-CN" dirty="0"/>
              <a:t>Portal</a:t>
            </a:r>
            <a:r>
              <a:rPr lang="zh-CN" altLang="en-US" dirty="0"/>
              <a:t> </a:t>
            </a:r>
            <a:r>
              <a:rPr lang="en-US" altLang="zh-CN" dirty="0"/>
              <a:t>(under</a:t>
            </a:r>
            <a:r>
              <a:rPr lang="zh-CN" altLang="en-US" dirty="0"/>
              <a:t> </a:t>
            </a:r>
            <a:r>
              <a:rPr lang="en-US" altLang="zh-CN" dirty="0"/>
              <a:t>dev.)</a:t>
            </a:r>
          </a:p>
          <a:p>
            <a:pPr lvl="1"/>
            <a:r>
              <a:rPr lang="en-US" dirty="0">
                <a:hlinkClick r:id="rId4"/>
              </a:rPr>
              <a:t>https://cisco.sharepoint.com/sites/ent_devnet</a:t>
            </a:r>
            <a:endParaRPr lang="en-US" dirty="0"/>
          </a:p>
          <a:p>
            <a:r>
              <a:rPr lang="en-US" altLang="zh-CN" dirty="0"/>
              <a:t>Python</a:t>
            </a:r>
            <a:r>
              <a:rPr lang="zh-CN" altLang="en-US" dirty="0"/>
              <a:t> </a:t>
            </a:r>
            <a:r>
              <a:rPr lang="en-US" altLang="zh-CN" dirty="0"/>
              <a:t>Tutorial</a:t>
            </a:r>
          </a:p>
          <a:p>
            <a:pPr lvl="1"/>
            <a:r>
              <a:rPr lang="en-US" dirty="0">
                <a:hlinkClick r:id="rId5"/>
              </a:rPr>
              <a:t>https://www.learnpython.org/</a:t>
            </a:r>
            <a:br>
              <a:rPr lang="en-US" dirty="0"/>
            </a:br>
            <a:endParaRPr lang="en-US" dirty="0"/>
          </a:p>
          <a:p>
            <a:endParaRPr lang="en-CN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BD562BA6-DB85-184B-B7E3-702982A7F7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N" dirty="0"/>
              <a:t>Get</a:t>
            </a:r>
            <a:r>
              <a:rPr lang="zh-CN" altLang="en-US" dirty="0"/>
              <a:t> </a:t>
            </a:r>
            <a:r>
              <a:rPr lang="en-US" altLang="zh-CN" dirty="0"/>
              <a:t>Started</a:t>
            </a:r>
            <a:endParaRPr lang="en-CN" dirty="0"/>
          </a:p>
        </p:txBody>
      </p:sp>
    </p:spTree>
    <p:extLst>
      <p:ext uri="{BB962C8B-B14F-4D97-AF65-F5344CB8AC3E}">
        <p14:creationId xmlns:p14="http://schemas.microsoft.com/office/powerpoint/2010/main" val="15556141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F7EBAD-F967-544D-A3F0-DD9BB938603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CN" dirty="0"/>
              <a:t>Let’s</a:t>
            </a:r>
            <a:r>
              <a:rPr lang="zh-CN" altLang="en-US" dirty="0"/>
              <a:t> </a:t>
            </a:r>
            <a:r>
              <a:rPr lang="en-US" altLang="zh-CN" dirty="0"/>
              <a:t>check</a:t>
            </a:r>
            <a:r>
              <a:rPr lang="zh-CN" altLang="en-US" dirty="0"/>
              <a:t> </a:t>
            </a:r>
            <a:r>
              <a:rPr lang="en-US" altLang="zh-CN" dirty="0"/>
              <a:t>it</a:t>
            </a:r>
            <a:r>
              <a:rPr lang="zh-CN" altLang="en-US" dirty="0"/>
              <a:t> </a:t>
            </a:r>
            <a:r>
              <a:rPr lang="en-US" altLang="zh-CN" dirty="0"/>
              <a:t>out!</a:t>
            </a:r>
            <a:r>
              <a:rPr lang="zh-CN" altLang="en-US" dirty="0"/>
              <a:t> </a:t>
            </a:r>
            <a:endParaRPr lang="en-CN" dirty="0"/>
          </a:p>
        </p:txBody>
      </p:sp>
    </p:spTree>
    <p:extLst>
      <p:ext uri="{BB962C8B-B14F-4D97-AF65-F5344CB8AC3E}">
        <p14:creationId xmlns:p14="http://schemas.microsoft.com/office/powerpoint/2010/main" val="29417854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98468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69C61231-DA6E-874C-B8B2-50BB3C0690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N" dirty="0"/>
              <a:t>Agenda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ECACC77-877A-934F-88DA-C325D964C95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CN" dirty="0"/>
              <a:t>To</a:t>
            </a:r>
            <a:r>
              <a:rPr lang="zh-CN" altLang="en-US" dirty="0"/>
              <a:t> </a:t>
            </a:r>
            <a:r>
              <a:rPr lang="en-US" altLang="zh-CN" dirty="0"/>
              <a:t>Know</a:t>
            </a:r>
            <a:r>
              <a:rPr lang="zh-CN" altLang="en-US" dirty="0"/>
              <a:t> </a:t>
            </a:r>
            <a:r>
              <a:rPr lang="en-US" altLang="zh-CN" dirty="0"/>
              <a:t>Each</a:t>
            </a:r>
            <a:r>
              <a:rPr lang="zh-CN" altLang="en-US" dirty="0"/>
              <a:t> </a:t>
            </a:r>
            <a:r>
              <a:rPr lang="en-US" altLang="zh-CN" dirty="0"/>
              <a:t>Other</a:t>
            </a:r>
          </a:p>
          <a:p>
            <a:r>
              <a:rPr lang="en-CN" dirty="0"/>
              <a:t>DevNet</a:t>
            </a:r>
            <a:r>
              <a:rPr lang="zh-CN" altLang="en-US" dirty="0"/>
              <a:t> </a:t>
            </a:r>
            <a:r>
              <a:rPr lang="en-US" altLang="zh-CN" dirty="0"/>
              <a:t>Incubation</a:t>
            </a:r>
            <a:r>
              <a:rPr lang="zh-CN" altLang="en-US" dirty="0"/>
              <a:t> </a:t>
            </a:r>
            <a:r>
              <a:rPr lang="en-US" altLang="zh-CN" dirty="0"/>
              <a:t>Plan</a:t>
            </a:r>
          </a:p>
          <a:p>
            <a:r>
              <a:rPr lang="en-CN" dirty="0"/>
              <a:t>About</a:t>
            </a:r>
            <a:r>
              <a:rPr lang="zh-CN" altLang="en-US" dirty="0"/>
              <a:t> </a:t>
            </a:r>
            <a:r>
              <a:rPr lang="en-US" altLang="zh-CN" dirty="0"/>
              <a:t>the</a:t>
            </a:r>
            <a:r>
              <a:rPr lang="zh-CN" altLang="en-US" dirty="0"/>
              <a:t> </a:t>
            </a:r>
            <a:r>
              <a:rPr lang="en-US" altLang="zh-CN" dirty="0"/>
              <a:t>Forum</a:t>
            </a:r>
          </a:p>
          <a:p>
            <a:endParaRPr lang="en-CN" dirty="0"/>
          </a:p>
        </p:txBody>
      </p:sp>
    </p:spTree>
    <p:extLst>
      <p:ext uri="{BB962C8B-B14F-4D97-AF65-F5344CB8AC3E}">
        <p14:creationId xmlns:p14="http://schemas.microsoft.com/office/powerpoint/2010/main" val="666991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0CEF-A626-B14A-B5B7-331A0B41B1D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altLang="zh-CN" dirty="0"/>
              <a:t>To</a:t>
            </a:r>
            <a:r>
              <a:rPr lang="zh-CN" altLang="en-US" dirty="0"/>
              <a:t> </a:t>
            </a:r>
            <a:r>
              <a:rPr lang="en-US" altLang="zh-CN" dirty="0"/>
              <a:t>Know</a:t>
            </a:r>
            <a:r>
              <a:rPr lang="zh-CN" altLang="en-US" dirty="0"/>
              <a:t> </a:t>
            </a:r>
            <a:r>
              <a:rPr lang="en-US" altLang="zh-CN" dirty="0"/>
              <a:t>Each</a:t>
            </a:r>
            <a:r>
              <a:rPr lang="zh-CN" altLang="en-US" dirty="0"/>
              <a:t> </a:t>
            </a:r>
            <a:r>
              <a:rPr lang="en-US" altLang="zh-CN" dirty="0"/>
              <a:t>Other</a:t>
            </a:r>
            <a:endParaRPr lang="en-CN" dirty="0"/>
          </a:p>
        </p:txBody>
      </p:sp>
    </p:spTree>
    <p:extLst>
      <p:ext uri="{BB962C8B-B14F-4D97-AF65-F5344CB8AC3E}">
        <p14:creationId xmlns:p14="http://schemas.microsoft.com/office/powerpoint/2010/main" val="34085641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57E34D27-8542-234F-882C-02F6BFC5BB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dirty="0"/>
              <a:t>Self-intro</a:t>
            </a:r>
            <a:r>
              <a:rPr lang="zh-CN" altLang="en-US" dirty="0"/>
              <a:t> </a:t>
            </a:r>
            <a:r>
              <a:rPr lang="en-US" altLang="zh-CN" dirty="0"/>
              <a:t>in</a:t>
            </a:r>
            <a:r>
              <a:rPr lang="zh-CN" altLang="en-US" dirty="0"/>
              <a:t> </a:t>
            </a:r>
            <a:r>
              <a:rPr lang="en-US" altLang="zh-CN" dirty="0"/>
              <a:t>JSON</a:t>
            </a:r>
            <a:endParaRPr lang="en-CN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F250FE03-3989-D240-BAE0-5FD084F61A97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CN"/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FBDCF902-7D41-FA47-BA5E-706EE3A73E4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62085" y="-13759"/>
            <a:ext cx="692219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40675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E31E3B-97AB-B842-8853-5D8D517719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dirty="0"/>
              <a:t>Who’s</a:t>
            </a:r>
            <a:r>
              <a:rPr lang="zh-CN" altLang="en-US" dirty="0"/>
              <a:t> </a:t>
            </a:r>
            <a:r>
              <a:rPr lang="en-US" altLang="zh-CN" dirty="0"/>
              <a:t>Next?</a:t>
            </a:r>
            <a:endParaRPr lang="en-CN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F23AF0B-C080-2042-832D-2242A6ACA81D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6529917" y="1303432"/>
            <a:ext cx="4734983" cy="1905025"/>
          </a:xfrm>
        </p:spPr>
        <p:txBody>
          <a:bodyPr/>
          <a:lstStyle/>
          <a:p>
            <a:r>
              <a:rPr lang="en-US" altLang="zh-CN" sz="2400" b="1" dirty="0"/>
              <a:t>Copy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json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file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to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your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computer</a:t>
            </a:r>
          </a:p>
          <a:p>
            <a:r>
              <a:rPr lang="en-US" altLang="zh-CN" sz="2400" b="1" dirty="0"/>
              <a:t>Modify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with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your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own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data</a:t>
            </a:r>
          </a:p>
          <a:p>
            <a:r>
              <a:rPr lang="en-US" altLang="zh-CN" sz="2400" b="1" dirty="0"/>
              <a:t>Upload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it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to</a:t>
            </a:r>
            <a:r>
              <a:rPr lang="zh-CN" altLang="en-US" sz="2400" b="1" dirty="0"/>
              <a:t> </a:t>
            </a:r>
            <a:r>
              <a:rPr lang="en-US" altLang="zh-CN" sz="2400" b="1" dirty="0" err="1"/>
              <a:t>github</a:t>
            </a:r>
            <a:r>
              <a:rPr lang="en-US" altLang="zh-CN" sz="2400" b="1" dirty="0"/>
              <a:t>/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email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to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me</a:t>
            </a:r>
          </a:p>
          <a:p>
            <a:r>
              <a:rPr lang="en-US" altLang="zh-CN" sz="2400" b="1" dirty="0"/>
              <a:t>Check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it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out</a:t>
            </a:r>
            <a:r>
              <a:rPr lang="zh-CN" altLang="en-US" sz="2400" b="1" dirty="0"/>
              <a:t> </a:t>
            </a:r>
            <a:r>
              <a:rPr lang="en-US" altLang="zh-CN" sz="2400" b="1" dirty="0"/>
              <a:t>soon!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D192F036-DAAF-1640-A881-EF9860B51402}"/>
              </a:ext>
            </a:extLst>
          </p:cNvPr>
          <p:cNvSpPr txBox="1"/>
          <p:nvPr/>
        </p:nvSpPr>
        <p:spPr>
          <a:xfrm>
            <a:off x="6478201" y="4908237"/>
            <a:ext cx="51549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>
                <a:latin typeface="+mn-lt"/>
              </a:rPr>
              <a:t>$</a:t>
            </a:r>
            <a:r>
              <a:rPr lang="zh-CN" altLang="en-US" dirty="0">
                <a:latin typeface="+mn-lt"/>
              </a:rPr>
              <a:t> </a:t>
            </a:r>
            <a:r>
              <a:rPr lang="en-US" altLang="zh-CN" dirty="0">
                <a:latin typeface="+mn-lt"/>
              </a:rPr>
              <a:t>git</a:t>
            </a:r>
            <a:r>
              <a:rPr lang="zh-CN" altLang="en-US" dirty="0">
                <a:latin typeface="+mn-lt"/>
              </a:rPr>
              <a:t> </a:t>
            </a:r>
            <a:r>
              <a:rPr lang="en-US" altLang="zh-CN" dirty="0">
                <a:latin typeface="+mn-lt"/>
              </a:rPr>
              <a:t>clone</a:t>
            </a:r>
            <a:r>
              <a:rPr lang="zh-CN" altLang="en-US" dirty="0">
                <a:latin typeface="+mn-lt"/>
              </a:rPr>
              <a:t> </a:t>
            </a:r>
            <a:r>
              <a:rPr lang="en-US" dirty="0">
                <a:latin typeface="+mn-lt"/>
              </a:rPr>
              <a:t>https://</a:t>
            </a:r>
            <a:r>
              <a:rPr lang="en-US" dirty="0" err="1">
                <a:latin typeface="+mn-lt"/>
              </a:rPr>
              <a:t>github.com</a:t>
            </a:r>
            <a:r>
              <a:rPr lang="en-US" dirty="0">
                <a:latin typeface="+mn-lt"/>
              </a:rPr>
              <a:t>/tqs0117/</a:t>
            </a:r>
            <a:r>
              <a:rPr lang="en-US" dirty="0" err="1">
                <a:latin typeface="+mn-lt"/>
              </a:rPr>
              <a:t>devnet_forum.git</a:t>
            </a:r>
            <a:endParaRPr lang="en-CN" dirty="0">
              <a:latin typeface="+mn-l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99E1C86-579B-CB4D-A3F0-AF1B980B4DC3}"/>
              </a:ext>
            </a:extLst>
          </p:cNvPr>
          <p:cNvSpPr txBox="1"/>
          <p:nvPr/>
        </p:nvSpPr>
        <p:spPr>
          <a:xfrm>
            <a:off x="6478201" y="3984907"/>
            <a:ext cx="493566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+mn-lt"/>
              </a:rPr>
              <a:t>https://</a:t>
            </a:r>
            <a:r>
              <a:rPr lang="en-US" dirty="0" err="1">
                <a:latin typeface="+mn-lt"/>
              </a:rPr>
              <a:t>github.com</a:t>
            </a:r>
            <a:r>
              <a:rPr lang="en-US" dirty="0">
                <a:latin typeface="+mn-lt"/>
              </a:rPr>
              <a:t>/tqs0117/</a:t>
            </a:r>
            <a:r>
              <a:rPr lang="en-US" dirty="0" err="1">
                <a:latin typeface="+mn-lt"/>
              </a:rPr>
              <a:t>devnet_forum</a:t>
            </a:r>
            <a:r>
              <a:rPr lang="en-US" dirty="0">
                <a:latin typeface="+mn-lt"/>
              </a:rPr>
              <a:t>/blob/1st_forum/0.kickoff/</a:t>
            </a:r>
            <a:r>
              <a:rPr lang="en-US" dirty="0" err="1">
                <a:latin typeface="+mn-lt"/>
              </a:rPr>
              <a:t>namelist</a:t>
            </a:r>
            <a:r>
              <a:rPr lang="en-US" dirty="0">
                <a:latin typeface="+mn-lt"/>
              </a:rPr>
              <a:t>/</a:t>
            </a:r>
            <a:r>
              <a:rPr lang="en-US" dirty="0" err="1">
                <a:latin typeface="+mn-lt"/>
              </a:rPr>
              <a:t>namelist.json</a:t>
            </a:r>
            <a:endParaRPr lang="en-CN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8995720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D891410B-5DD0-BE4F-B12F-737A1361462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altLang="zh-CN" dirty="0" err="1"/>
              <a:t>DevNet</a:t>
            </a:r>
            <a:r>
              <a:rPr lang="zh-CN" altLang="en-US" dirty="0"/>
              <a:t> </a:t>
            </a:r>
            <a:r>
              <a:rPr lang="en-US" altLang="zh-CN" dirty="0"/>
              <a:t>Incubation</a:t>
            </a:r>
            <a:r>
              <a:rPr lang="zh-CN" altLang="en-US" dirty="0"/>
              <a:t> </a:t>
            </a:r>
            <a:r>
              <a:rPr lang="en-US" altLang="zh-CN" dirty="0"/>
              <a:t>Plan</a:t>
            </a:r>
            <a:endParaRPr lang="en-CN" dirty="0"/>
          </a:p>
        </p:txBody>
      </p:sp>
    </p:spTree>
    <p:extLst>
      <p:ext uri="{BB962C8B-B14F-4D97-AF65-F5344CB8AC3E}">
        <p14:creationId xmlns:p14="http://schemas.microsoft.com/office/powerpoint/2010/main" val="32259293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C99A7B4-C340-2B45-A83D-1DF176FA5AF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Phase-1</a:t>
            </a:r>
            <a:r>
              <a:rPr lang="en-US" altLang="zh-CN" dirty="0"/>
              <a:t>:</a:t>
            </a:r>
            <a:r>
              <a:rPr lang="zh-CN" altLang="en-US" dirty="0"/>
              <a:t> </a:t>
            </a:r>
            <a:r>
              <a:rPr lang="en-US" altLang="zh-CN" dirty="0" err="1"/>
              <a:t>DevNet</a:t>
            </a:r>
            <a:r>
              <a:rPr lang="zh-CN" altLang="en-US" dirty="0"/>
              <a:t> </a:t>
            </a:r>
            <a:r>
              <a:rPr lang="en-US" altLang="zh-CN" dirty="0"/>
              <a:t>Learning</a:t>
            </a:r>
            <a:r>
              <a:rPr lang="zh-CN" altLang="en-US" dirty="0"/>
              <a:t> </a:t>
            </a:r>
            <a:r>
              <a:rPr lang="en-US" altLang="zh-CN" dirty="0"/>
              <a:t>Forum</a:t>
            </a:r>
            <a:endParaRPr lang="en-US" dirty="0"/>
          </a:p>
          <a:p>
            <a:pPr lvl="1"/>
            <a:r>
              <a:rPr lang="en-US" dirty="0"/>
              <a:t>ENTG-Wide </a:t>
            </a:r>
            <a:r>
              <a:rPr lang="en-US" altLang="zh-CN" dirty="0"/>
              <a:t>&amp;</a:t>
            </a:r>
            <a:r>
              <a:rPr lang="zh-CN" altLang="en-US" dirty="0"/>
              <a:t> </a:t>
            </a:r>
            <a:r>
              <a:rPr lang="en-US" dirty="0"/>
              <a:t>Interest</a:t>
            </a:r>
            <a:r>
              <a:rPr lang="en-US" altLang="zh-CN" dirty="0"/>
              <a:t>-Based</a:t>
            </a:r>
          </a:p>
          <a:p>
            <a:pPr lvl="1"/>
            <a:r>
              <a:rPr lang="en-US" dirty="0"/>
              <a:t>Fundamental</a:t>
            </a:r>
            <a:r>
              <a:rPr lang="zh-CN" altLang="en-US" dirty="0"/>
              <a:t> </a:t>
            </a:r>
            <a:r>
              <a:rPr lang="en-US" altLang="zh-CN" dirty="0"/>
              <a:t>Training</a:t>
            </a:r>
            <a:r>
              <a:rPr lang="zh-CN" altLang="en-US" dirty="0"/>
              <a:t> </a:t>
            </a:r>
            <a:r>
              <a:rPr lang="en-US" altLang="zh-CN" dirty="0"/>
              <a:t>&amp;</a:t>
            </a:r>
            <a:r>
              <a:rPr lang="zh-CN" altLang="en-US" dirty="0"/>
              <a:t> </a:t>
            </a:r>
            <a:r>
              <a:rPr lang="en-US" altLang="zh-CN" dirty="0"/>
              <a:t>Self-paced</a:t>
            </a:r>
            <a:r>
              <a:rPr lang="zh-CN" altLang="en-US" dirty="0"/>
              <a:t> </a:t>
            </a:r>
            <a:r>
              <a:rPr lang="en-US" altLang="zh-CN" dirty="0"/>
              <a:t>Learning</a:t>
            </a:r>
          </a:p>
          <a:p>
            <a:pPr lvl="1"/>
            <a:r>
              <a:rPr lang="en-US" altLang="zh-CN" dirty="0"/>
              <a:t>Certification</a:t>
            </a:r>
            <a:r>
              <a:rPr lang="zh-CN" altLang="en-US" dirty="0"/>
              <a:t> </a:t>
            </a:r>
            <a:r>
              <a:rPr lang="en-US" altLang="zh-CN" dirty="0"/>
              <a:t>–</a:t>
            </a:r>
            <a:r>
              <a:rPr lang="zh-CN" altLang="en-US" dirty="0"/>
              <a:t> </a:t>
            </a:r>
            <a:r>
              <a:rPr lang="en-US" altLang="zh-CN" dirty="0" err="1"/>
              <a:t>DevNet</a:t>
            </a:r>
            <a:r>
              <a:rPr lang="zh-CN" altLang="en-US" dirty="0"/>
              <a:t> </a:t>
            </a:r>
            <a:r>
              <a:rPr lang="en-US" altLang="zh-CN" dirty="0"/>
              <a:t>Professional</a:t>
            </a:r>
            <a:r>
              <a:rPr lang="zh-CN" altLang="en-US" dirty="0"/>
              <a:t> </a:t>
            </a:r>
            <a:r>
              <a:rPr lang="en-US" altLang="zh-CN" dirty="0"/>
              <a:t>(available</a:t>
            </a:r>
            <a:r>
              <a:rPr lang="zh-CN" altLang="en-US" dirty="0"/>
              <a:t> </a:t>
            </a:r>
            <a:r>
              <a:rPr lang="en-US" altLang="zh-CN" dirty="0"/>
              <a:t>on</a:t>
            </a:r>
            <a:r>
              <a:rPr lang="zh-CN" altLang="en-US" dirty="0"/>
              <a:t> </a:t>
            </a:r>
            <a:r>
              <a:rPr lang="en-US" altLang="zh-CN" dirty="0"/>
              <a:t>Feb.24)</a:t>
            </a:r>
          </a:p>
          <a:p>
            <a:r>
              <a:rPr lang="en-US" altLang="zh-CN" dirty="0"/>
              <a:t>Phase-2</a:t>
            </a:r>
            <a:r>
              <a:rPr lang="zh-CN" altLang="en-US" dirty="0"/>
              <a:t> </a:t>
            </a:r>
            <a:endParaRPr lang="en-US" altLang="zh-CN" dirty="0"/>
          </a:p>
          <a:p>
            <a:pPr lvl="1"/>
            <a:r>
              <a:rPr lang="en-US" altLang="zh-CN" dirty="0"/>
              <a:t>Group-Based</a:t>
            </a:r>
            <a:r>
              <a:rPr lang="zh-CN" altLang="en-US" dirty="0"/>
              <a:t> </a:t>
            </a:r>
            <a:r>
              <a:rPr lang="en-US" altLang="zh-CN" dirty="0"/>
              <a:t>Study</a:t>
            </a:r>
            <a:r>
              <a:rPr lang="zh-CN" altLang="en-US" dirty="0"/>
              <a:t> </a:t>
            </a:r>
            <a:r>
              <a:rPr lang="en-US" altLang="zh-CN" dirty="0"/>
              <a:t>&amp;</a:t>
            </a:r>
            <a:r>
              <a:rPr lang="zh-CN" altLang="en-US" dirty="0"/>
              <a:t> </a:t>
            </a:r>
            <a:r>
              <a:rPr lang="en-US" altLang="zh-CN" dirty="0"/>
              <a:t>Coding</a:t>
            </a:r>
          </a:p>
          <a:p>
            <a:pPr lvl="1"/>
            <a:r>
              <a:rPr lang="en-US" altLang="zh-CN" dirty="0"/>
              <a:t>Contribution</a:t>
            </a:r>
            <a:r>
              <a:rPr lang="zh-CN" altLang="en-US" dirty="0"/>
              <a:t> </a:t>
            </a:r>
            <a:r>
              <a:rPr lang="en-US" altLang="zh-CN" dirty="0"/>
              <a:t>to</a:t>
            </a:r>
            <a:r>
              <a:rPr lang="zh-CN" altLang="en-US" dirty="0"/>
              <a:t> </a:t>
            </a:r>
            <a:r>
              <a:rPr lang="en-US" altLang="zh-CN" dirty="0"/>
              <a:t>Automation</a:t>
            </a:r>
            <a:r>
              <a:rPr lang="zh-CN" altLang="en-US" dirty="0"/>
              <a:t> </a:t>
            </a:r>
            <a:r>
              <a:rPr lang="en-US" altLang="zh-CN" dirty="0"/>
              <a:t>Tools</a:t>
            </a:r>
            <a:r>
              <a:rPr lang="zh-CN" altLang="en-US" dirty="0"/>
              <a:t> </a:t>
            </a:r>
            <a:r>
              <a:rPr lang="en-US" altLang="zh-CN" dirty="0"/>
              <a:t>&amp;</a:t>
            </a:r>
            <a:r>
              <a:rPr lang="zh-CN" altLang="en-US" dirty="0"/>
              <a:t> </a:t>
            </a:r>
            <a:r>
              <a:rPr lang="en-US" altLang="zh-CN" dirty="0"/>
              <a:t>Cases</a:t>
            </a:r>
            <a:r>
              <a:rPr lang="zh-CN" altLang="en-US" dirty="0"/>
              <a:t> </a:t>
            </a:r>
            <a:endParaRPr lang="en-US" altLang="zh-CN" dirty="0"/>
          </a:p>
          <a:p>
            <a:pPr lvl="1"/>
            <a:r>
              <a:rPr lang="en-US" altLang="zh-CN" dirty="0"/>
              <a:t>Contribution</a:t>
            </a:r>
            <a:r>
              <a:rPr lang="zh-CN" altLang="en-US" dirty="0"/>
              <a:t> </a:t>
            </a:r>
            <a:r>
              <a:rPr lang="en-US" altLang="zh-CN" dirty="0"/>
              <a:t>to</a:t>
            </a:r>
            <a:r>
              <a:rPr lang="zh-CN" altLang="en-US" dirty="0"/>
              <a:t> </a:t>
            </a:r>
            <a:r>
              <a:rPr lang="en-US" altLang="zh-CN" dirty="0" err="1"/>
              <a:t>DevNet</a:t>
            </a:r>
            <a:r>
              <a:rPr lang="zh-CN" altLang="en-US" dirty="0"/>
              <a:t> </a:t>
            </a:r>
            <a:r>
              <a:rPr lang="en-US" altLang="zh-CN" dirty="0" err="1"/>
              <a:t>CodeX</a:t>
            </a:r>
            <a:r>
              <a:rPr lang="en-US" altLang="zh-CN" dirty="0"/>
              <a:t>,</a:t>
            </a:r>
            <a:r>
              <a:rPr lang="zh-CN" altLang="en-US" dirty="0"/>
              <a:t> </a:t>
            </a:r>
            <a:r>
              <a:rPr lang="en-US" altLang="zh-CN" dirty="0"/>
              <a:t>Community</a:t>
            </a:r>
            <a:r>
              <a:rPr lang="zh-CN" altLang="en-US" dirty="0"/>
              <a:t> </a:t>
            </a:r>
            <a:r>
              <a:rPr lang="en-US" altLang="zh-CN" dirty="0"/>
              <a:t>&amp;</a:t>
            </a:r>
            <a:r>
              <a:rPr lang="zh-CN" altLang="en-US" dirty="0"/>
              <a:t> </a:t>
            </a:r>
            <a:r>
              <a:rPr lang="en-US" altLang="zh-CN" dirty="0"/>
              <a:t>Activities</a:t>
            </a:r>
          </a:p>
          <a:p>
            <a:pPr marL="389457" lvl="1" indent="0">
              <a:buNone/>
            </a:pPr>
            <a:endParaRPr lang="en-US" altLang="zh-CN" dirty="0"/>
          </a:p>
          <a:p>
            <a:pPr lvl="1"/>
            <a:endParaRPr lang="en-US" altLang="zh-CN" dirty="0"/>
          </a:p>
          <a:p>
            <a:pPr lvl="2"/>
            <a:endParaRPr lang="en-US" altLang="zh-CN" dirty="0"/>
          </a:p>
          <a:p>
            <a:pPr lvl="1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FE2DC34-F825-2948-B0AB-5085018758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dirty="0" err="1"/>
              <a:t>DevNet</a:t>
            </a:r>
            <a:r>
              <a:rPr lang="en-US" altLang="zh-CN" dirty="0"/>
              <a:t> </a:t>
            </a:r>
            <a:r>
              <a:rPr lang="en-US" dirty="0"/>
              <a:t>Incubation</a:t>
            </a:r>
          </a:p>
        </p:txBody>
      </p:sp>
    </p:spTree>
    <p:extLst>
      <p:ext uri="{BB962C8B-B14F-4D97-AF65-F5344CB8AC3E}">
        <p14:creationId xmlns:p14="http://schemas.microsoft.com/office/powerpoint/2010/main" val="32358644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10"/>
          <p:cNvGrpSpPr/>
          <p:nvPr/>
        </p:nvGrpSpPr>
        <p:grpSpPr>
          <a:xfrm>
            <a:off x="8111489" y="1663170"/>
            <a:ext cx="3746992" cy="4166130"/>
            <a:chOff x="609600" y="1125417"/>
            <a:chExt cx="2514600" cy="4113778"/>
          </a:xfrm>
        </p:grpSpPr>
        <p:sp>
          <p:nvSpPr>
            <p:cNvPr id="10" name="Rectangle 5"/>
            <p:cNvSpPr>
              <a:spLocks noChangeArrowheads="1"/>
            </p:cNvSpPr>
            <p:nvPr/>
          </p:nvSpPr>
          <p:spPr bwMode="auto">
            <a:xfrm>
              <a:off x="609600" y="1488470"/>
              <a:ext cx="2514600" cy="3750725"/>
            </a:xfrm>
            <a:prstGeom prst="rect">
              <a:avLst/>
            </a:prstGeom>
            <a:solidFill>
              <a:schemeClr val="bg2">
                <a:lumMod val="85000"/>
              </a:schemeClr>
            </a:solidFill>
            <a:ln w="19050" algn="ctr">
              <a:noFill/>
              <a:miter lim="800000"/>
              <a:headEnd/>
              <a:tailEnd/>
            </a:ln>
            <a:effectLst/>
          </p:spPr>
          <p:txBody>
            <a:bodyPr lIns="91452" tIns="182904" rIns="91452" bIns="45727" anchor="t" anchorCtr="0"/>
            <a:lstStyle/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To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build</a:t>
              </a: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capability to support customers and partners in software API and automation </a:t>
              </a:r>
            </a:p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All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participators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pass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sz="18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DevNet</a:t>
              </a: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Professional Exam</a:t>
              </a:r>
            </a:p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Arial" charset="0"/>
                <a:ea typeface="ＭＳ Ｐゴシック" charset="0"/>
                <a:cs typeface="Arial" charset="0"/>
              </a:endParaRPr>
            </a:p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Arial" charset="0"/>
                <a:ea typeface="ＭＳ Ｐゴシック" charset="0"/>
                <a:cs typeface="Arial" charset="0"/>
              </a:endParaRPr>
            </a:p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Arial" charset="0"/>
                <a:ea typeface="ＭＳ Ｐゴシック" charset="0"/>
                <a:cs typeface="Arial" charset="0"/>
              </a:endParaRPr>
            </a:p>
          </p:txBody>
        </p:sp>
        <p:sp>
          <p:nvSpPr>
            <p:cNvPr id="11" name="Rectangle 5"/>
            <p:cNvSpPr>
              <a:spLocks noChangeArrowheads="1"/>
            </p:cNvSpPr>
            <p:nvPr/>
          </p:nvSpPr>
          <p:spPr bwMode="auto">
            <a:xfrm>
              <a:off x="609600" y="1125417"/>
              <a:ext cx="2514600" cy="363053"/>
            </a:xfrm>
            <a:prstGeom prst="rect">
              <a:avLst/>
            </a:prstGeom>
            <a:solidFill>
              <a:schemeClr val="accent5"/>
            </a:solidFill>
            <a:ln w="19050">
              <a:noFill/>
              <a:miter lim="800000"/>
              <a:headEnd/>
              <a:tailEnd/>
            </a:ln>
            <a:effectLst/>
          </p:spPr>
          <p:txBody>
            <a:bodyPr lIns="91452" tIns="45727" rIns="91452" bIns="45727" anchor="ctr" anchorCtr="1"/>
            <a:lstStyle/>
            <a:p>
              <a:pPr marL="0" marR="0" lvl="0" indent="0" algn="ctr" defTabSz="814476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667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 Unicode MS" panose="020B0604020202020204" pitchFamily="34" charset="-122"/>
                  <a:ea typeface="Arial Unicode MS" panose="020B0604020202020204" pitchFamily="34" charset="-122"/>
                  <a:cs typeface="Arial Unicode MS" panose="020B0604020202020204" pitchFamily="34" charset="-122"/>
                </a:rPr>
                <a:t>Target</a:t>
              </a: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4211073" y="1663170"/>
            <a:ext cx="3746993" cy="4166130"/>
            <a:chOff x="3314700" y="1125417"/>
            <a:chExt cx="2514600" cy="4692959"/>
          </a:xfrm>
        </p:grpSpPr>
        <p:sp>
          <p:nvSpPr>
            <p:cNvPr id="13" name="Rectangle 3"/>
            <p:cNvSpPr>
              <a:spLocks noChangeArrowheads="1"/>
            </p:cNvSpPr>
            <p:nvPr/>
          </p:nvSpPr>
          <p:spPr bwMode="auto">
            <a:xfrm>
              <a:off x="3314700" y="1635369"/>
              <a:ext cx="2514600" cy="4183007"/>
            </a:xfrm>
            <a:prstGeom prst="rect">
              <a:avLst/>
            </a:prstGeom>
            <a:solidFill>
              <a:schemeClr val="bg2">
                <a:lumMod val="85000"/>
              </a:schemeClr>
            </a:solidFill>
            <a:ln w="19050" algn="ctr">
              <a:noFill/>
              <a:miter lim="800000"/>
              <a:headEnd/>
              <a:tailEnd/>
            </a:ln>
            <a:effectLst/>
          </p:spPr>
          <p:txBody>
            <a:bodyPr lIns="91452" tIns="182904" rIns="91452" bIns="45727" anchor="t" anchorCtr="0"/>
            <a:lstStyle/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The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forum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will be launched in FY20Q3. </a:t>
              </a:r>
            </a:p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The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forum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takes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5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weeks</a:t>
              </a:r>
              <a:r>
                <a:rPr kumimoji="0" lang="zh-CN" alt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*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to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cover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following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agenda</a:t>
              </a: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Arial" charset="0"/>
                <a:ea typeface="ＭＳ Ｐゴシック" charset="0"/>
                <a:cs typeface="Arial" charset="0"/>
              </a:endParaRPr>
            </a:p>
            <a:p>
              <a:pPr marL="633432" marR="0" lvl="1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sz="17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DevNet</a:t>
              </a:r>
              <a:r>
                <a:rPr kumimoji="0" lang="en-US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Introduction and </a:t>
              </a:r>
              <a:r>
                <a:rPr kumimoji="0" lang="en-US" altLang="zh-CN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E</a:t>
              </a:r>
              <a:r>
                <a:rPr kumimoji="0" lang="en-US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nvironment </a:t>
              </a:r>
              <a:r>
                <a:rPr kumimoji="0" lang="en-US" altLang="zh-CN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S</a:t>
              </a:r>
              <a:r>
                <a:rPr kumimoji="0" lang="en-US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etup</a:t>
              </a:r>
            </a:p>
            <a:p>
              <a:pPr marL="633432" marR="0" lvl="1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</a:rPr>
                <a:t>Programming Fundamentals</a:t>
              </a:r>
            </a:p>
            <a:p>
              <a:pPr marL="633432" marR="0" lvl="1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Network APIs </a:t>
              </a:r>
            </a:p>
            <a:p>
              <a:pPr marL="633432" marR="0" lvl="1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sz="17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Guestshell</a:t>
              </a:r>
              <a:r>
                <a:rPr kumimoji="0" lang="en-US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and App-hosting</a:t>
              </a:r>
            </a:p>
            <a:p>
              <a:pPr marL="633432" marR="0" lvl="1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DevOps</a:t>
              </a:r>
              <a:r>
                <a:rPr kumimoji="0" lang="zh-CN" altLang="en-US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7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Introduction</a:t>
              </a:r>
              <a:endParaRPr kumimoji="0" lang="en-US" sz="17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Arial" charset="0"/>
                <a:ea typeface="ＭＳ Ｐゴシック" charset="0"/>
                <a:cs typeface="Arial" charset="0"/>
              </a:endParaRPr>
            </a:p>
          </p:txBody>
        </p:sp>
        <p:sp>
          <p:nvSpPr>
            <p:cNvPr id="14" name="Rectangle 3"/>
            <p:cNvSpPr>
              <a:spLocks noChangeArrowheads="1"/>
            </p:cNvSpPr>
            <p:nvPr/>
          </p:nvSpPr>
          <p:spPr bwMode="auto">
            <a:xfrm>
              <a:off x="3314700" y="1125417"/>
              <a:ext cx="2514600" cy="513160"/>
            </a:xfrm>
            <a:prstGeom prst="rect">
              <a:avLst/>
            </a:prstGeom>
            <a:solidFill>
              <a:schemeClr val="accent2"/>
            </a:solidFill>
            <a:ln w="19050">
              <a:noFill/>
              <a:miter lim="800000"/>
              <a:headEnd/>
              <a:tailEnd/>
            </a:ln>
            <a:effectLst/>
          </p:spPr>
          <p:txBody>
            <a:bodyPr lIns="91452" tIns="45727" rIns="91452" bIns="45727" anchor="ctr" anchorCtr="1"/>
            <a:lstStyle/>
            <a:p>
              <a:pPr marL="0" marR="0" lvl="0" indent="0" algn="ctr" defTabSz="814476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667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 Unicode MS" panose="020B0604020202020204" pitchFamily="34" charset="-122"/>
                  <a:ea typeface="Arial Unicode MS" panose="020B0604020202020204" pitchFamily="34" charset="-122"/>
                  <a:cs typeface="Arial Unicode MS" panose="020B0604020202020204" pitchFamily="34" charset="-122"/>
                </a:rPr>
                <a:t>Execution</a:t>
              </a:r>
            </a:p>
          </p:txBody>
        </p:sp>
      </p:grpSp>
      <p:grpSp>
        <p:nvGrpSpPr>
          <p:cNvPr id="16" name="Group 10">
            <a:extLst>
              <a:ext uri="{FF2B5EF4-FFF2-40B4-BE49-F238E27FC236}">
                <a16:creationId xmlns:a16="http://schemas.microsoft.com/office/drawing/2014/main" id="{1B935AF4-661F-438D-A271-50B18FEB5FC1}"/>
              </a:ext>
            </a:extLst>
          </p:cNvPr>
          <p:cNvGrpSpPr/>
          <p:nvPr/>
        </p:nvGrpSpPr>
        <p:grpSpPr>
          <a:xfrm>
            <a:off x="310659" y="1663170"/>
            <a:ext cx="3746992" cy="4166130"/>
            <a:chOff x="609600" y="1125417"/>
            <a:chExt cx="2514600" cy="1406521"/>
          </a:xfrm>
        </p:grpSpPr>
        <p:sp>
          <p:nvSpPr>
            <p:cNvPr id="17" name="Rectangle 5">
              <a:extLst>
                <a:ext uri="{FF2B5EF4-FFF2-40B4-BE49-F238E27FC236}">
                  <a16:creationId xmlns:a16="http://schemas.microsoft.com/office/drawing/2014/main" id="{C6F4C46F-DAE6-448F-ABF7-B13284BD4B0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09600" y="1278254"/>
              <a:ext cx="2514600" cy="1253684"/>
            </a:xfrm>
            <a:prstGeom prst="rect">
              <a:avLst/>
            </a:prstGeom>
            <a:solidFill>
              <a:schemeClr val="bg2">
                <a:lumMod val="85000"/>
              </a:schemeClr>
            </a:solidFill>
            <a:ln w="19050" algn="ctr">
              <a:noFill/>
              <a:miter lim="800000"/>
              <a:headEnd/>
              <a:tailEnd/>
            </a:ln>
            <a:effectLst/>
          </p:spPr>
          <p:txBody>
            <a:bodyPr lIns="91452" tIns="182904" rIns="91452" bIns="45727" anchor="t" anchorCtr="0"/>
            <a:lstStyle/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The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forum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focus on incubation of </a:t>
              </a:r>
              <a:r>
                <a:rPr kumimoji="0" lang="en-US" sz="18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NetDevOps</a:t>
              </a: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engineers for EN and Korea Support Services team.</a:t>
              </a:r>
            </a:p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This is an interest-based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forum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and participators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need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to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pay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extra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time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on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learning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and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r>
                <a:rPr kumimoji="0" lang="en-US" altLang="zh-CN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practices.</a:t>
              </a:r>
              <a:r>
                <a:rPr kumimoji="0" lang="zh-CN" alt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</a:t>
              </a: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Arial" charset="0"/>
                <a:ea typeface="ＭＳ Ｐゴシック" charset="0"/>
                <a:cs typeface="Arial" charset="0"/>
              </a:endParaRPr>
            </a:p>
            <a:p>
              <a:pPr marL="176232" marR="0" lvl="0" indent="-176232" algn="l" defTabSz="4572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300"/>
                </a:spcAft>
                <a:buClrTx/>
                <a:buSzPct val="80000"/>
                <a:buFont typeface="Arial" pitchFamily="34" charset="0"/>
                <a:buChar char="•"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Participators will be required to enroll </a:t>
              </a:r>
              <a:r>
                <a:rPr kumimoji="0" lang="en-US" sz="18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DevNet</a:t>
              </a: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282828"/>
                  </a:solidFill>
                  <a:effectLst/>
                  <a:uLnTx/>
                  <a:uFillTx/>
                  <a:latin typeface="Arial" charset="0"/>
                  <a:ea typeface="ＭＳ Ｐゴシック" charset="0"/>
                  <a:cs typeface="Arial" charset="0"/>
                </a:rPr>
                <a:t> Professional Exam</a:t>
              </a:r>
            </a:p>
          </p:txBody>
        </p:sp>
        <p:sp>
          <p:nvSpPr>
            <p:cNvPr id="18" name="Rectangle 5">
              <a:extLst>
                <a:ext uri="{FF2B5EF4-FFF2-40B4-BE49-F238E27FC236}">
                  <a16:creationId xmlns:a16="http://schemas.microsoft.com/office/drawing/2014/main" id="{5AAA7402-A958-4DB4-B2B4-04B54D78324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09600" y="1125417"/>
              <a:ext cx="2514600" cy="152837"/>
            </a:xfrm>
            <a:prstGeom prst="rect">
              <a:avLst/>
            </a:prstGeom>
            <a:solidFill>
              <a:schemeClr val="accent1"/>
            </a:solidFill>
            <a:ln w="19050">
              <a:noFill/>
              <a:miter lim="800000"/>
              <a:headEnd/>
              <a:tailEnd/>
            </a:ln>
            <a:effectLst/>
          </p:spPr>
          <p:txBody>
            <a:bodyPr lIns="91452" tIns="45727" rIns="91452" bIns="45727" anchor="ctr" anchorCtr="1"/>
            <a:lstStyle/>
            <a:p>
              <a:pPr marL="0" marR="0" lvl="0" indent="0" algn="ctr" defTabSz="814476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667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 Unicode MS" panose="020B0604020202020204" pitchFamily="34" charset="-122"/>
                  <a:ea typeface="Arial Unicode MS" panose="020B0604020202020204" pitchFamily="34" charset="-122"/>
                  <a:cs typeface="Arial Unicode MS" panose="020B0604020202020204" pitchFamily="34" charset="-122"/>
                </a:rPr>
                <a:t>Strategy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673251E7-9996-594D-92E6-544F44D1B7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evNet</a:t>
            </a:r>
            <a:r>
              <a:rPr lang="zh-CN" altLang="en-US" dirty="0"/>
              <a:t> </a:t>
            </a:r>
            <a:r>
              <a:rPr lang="en-US" altLang="zh-CN" dirty="0"/>
              <a:t>Learning</a:t>
            </a:r>
            <a:r>
              <a:rPr lang="zh-CN" altLang="en-US" dirty="0"/>
              <a:t> </a:t>
            </a:r>
            <a:r>
              <a:rPr lang="en-US" altLang="zh-CN" dirty="0"/>
              <a:t>Forum</a:t>
            </a:r>
            <a:endParaRPr lang="en-CN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E637501-486F-7640-BA0B-48DA0F39A119}"/>
              </a:ext>
            </a:extLst>
          </p:cNvPr>
          <p:cNvSpPr txBox="1"/>
          <p:nvPr/>
        </p:nvSpPr>
        <p:spPr>
          <a:xfrm>
            <a:off x="5841781" y="5567690"/>
            <a:ext cx="2186817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zh-CN" alt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* </a:t>
            </a:r>
            <a:r>
              <a:rPr kumimoji="0" lang="en-US" altLang="zh-CN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1-2</a:t>
            </a:r>
            <a:r>
              <a:rPr kumimoji="0" lang="zh-CN" alt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2hrs</a:t>
            </a:r>
            <a:r>
              <a:rPr kumimoji="0" lang="zh-CN" alt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sessions</a:t>
            </a:r>
            <a:r>
              <a:rPr kumimoji="0" lang="zh-CN" alt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each</a:t>
            </a:r>
            <a:r>
              <a:rPr kumimoji="0" lang="zh-CN" alt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11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week</a:t>
            </a:r>
            <a:endParaRPr kumimoji="0" lang="en-CN" sz="1100" b="0" i="0" u="none" strike="noStrike" kern="120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  <a:latin typeface="CiscoSansTT ExtraLight"/>
              <a:ea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250590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93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111428" y="2630041"/>
            <a:ext cx="616707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600" b="0" i="0" u="none" strike="noStrike" kern="1200" cap="none" spc="-36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Menlo" panose="020B0609030804020204" pitchFamily="49" charset="0"/>
                <a:cs typeface="Calibri" panose="020F0502020204030204" pitchFamily="34" charset="0"/>
              </a:rPr>
              <a:t>FY20Q3</a:t>
            </a:r>
            <a:endParaRPr kumimoji="0" lang="en-GB" sz="1800" b="0" i="0" u="none" strike="noStrike" kern="1200" cap="none" spc="-36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Menlo" panose="020B0609030804020204" pitchFamily="49" charset="0"/>
              <a:cs typeface="Calibri" panose="020F0502020204030204" pitchFamily="34" charset="0"/>
            </a:endParaRPr>
          </a:p>
        </p:txBody>
      </p:sp>
      <p:cxnSp>
        <p:nvCxnSpPr>
          <p:cNvPr id="9318" name="OTLSHAPE_M_93afb554552a4221a5380f7919409aa7_Connector1"/>
          <p:cNvCxnSpPr/>
          <p:nvPr>
            <p:custDataLst>
              <p:tags r:id="rId3"/>
            </p:custDataLst>
          </p:nvPr>
        </p:nvCxnSpPr>
        <p:spPr>
          <a:xfrm>
            <a:off x="6239753" y="1964434"/>
            <a:ext cx="0" cy="569364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95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2773180" y="2562652"/>
            <a:ext cx="8937825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296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297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943791" y="329565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298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998220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Today</a:t>
            </a:r>
          </a:p>
        </p:txBody>
      </p:sp>
      <p:sp>
        <p:nvSpPr>
          <p:cNvPr id="9299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3001780" y="2660125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200" b="0" i="0" u="none" strike="noStrike" kern="1200" cap="none" spc="-18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Feb</a:t>
            </a:r>
            <a:endParaRPr kumimoji="0" lang="en-GB" sz="1200" b="0" i="0" u="none" strike="noStrike" kern="1200" cap="none" spc="-18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03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5896274" y="266012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200" b="0" i="0" u="none" strike="noStrike" kern="1200" cap="none" spc="-2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Mar</a:t>
            </a:r>
            <a:endParaRPr kumimoji="0" lang="en-GB" sz="1200" b="0" i="0" u="none" strike="noStrike" kern="1200" cap="none" spc="-2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07" name="OTLSHAPE_TB_00000000000000000000000000000000_TimescaleInterval5"/>
          <p:cNvSpPr txBox="1"/>
          <p:nvPr>
            <p:custDataLst>
              <p:tags r:id="rId10"/>
            </p:custDataLst>
          </p:nvPr>
        </p:nvSpPr>
        <p:spPr>
          <a:xfrm>
            <a:off x="8782006" y="266012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200" b="0" i="0" u="none" strike="noStrike" kern="1200" cap="none" spc="-18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Apr</a:t>
            </a:r>
            <a:endParaRPr kumimoji="0" lang="en-GB" sz="1200" b="0" i="0" u="none" strike="noStrike" kern="1200" cap="none" spc="-18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cxnSp>
        <p:nvCxnSpPr>
          <p:cNvPr id="9302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5832774" y="2600752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06" name="OTLSHAPE_TB_00000000000000000000000000000000_Separator4"/>
          <p:cNvCxnSpPr/>
          <p:nvPr>
            <p:custDataLst>
              <p:tags r:id="rId12"/>
            </p:custDataLst>
          </p:nvPr>
        </p:nvCxnSpPr>
        <p:spPr>
          <a:xfrm>
            <a:off x="8718506" y="2600752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49" name="OTLSHAPE_T_be3ae38f60b3402d8a13f1e91eec41f5_Shape"/>
          <p:cNvSpPr/>
          <p:nvPr>
            <p:custDataLst>
              <p:tags r:id="rId13"/>
            </p:custDataLst>
          </p:nvPr>
        </p:nvSpPr>
        <p:spPr>
          <a:xfrm>
            <a:off x="3767793" y="3259513"/>
            <a:ext cx="1878308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57" name="OTLSHAPE_T_9aa183d65df24b0c8fecd0a002471583_Shape"/>
          <p:cNvSpPr/>
          <p:nvPr>
            <p:custDataLst>
              <p:tags r:id="rId14"/>
            </p:custDataLst>
          </p:nvPr>
        </p:nvSpPr>
        <p:spPr>
          <a:xfrm>
            <a:off x="3768635" y="3680252"/>
            <a:ext cx="2471118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65" name="OTLSHAPE_T_06a6a20021ea4acdac20b41f7b37b0dd_Shape"/>
          <p:cNvSpPr/>
          <p:nvPr>
            <p:custDataLst>
              <p:tags r:id="rId15"/>
            </p:custDataLst>
          </p:nvPr>
        </p:nvSpPr>
        <p:spPr>
          <a:xfrm>
            <a:off x="6586277" y="3946952"/>
            <a:ext cx="311491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42" name="OTLSHAPE_T_7c518fb37f2142bb8e0445920d0403b5_ShapePercentage" hidden="1"/>
          <p:cNvSpPr/>
          <p:nvPr>
            <p:custDataLst>
              <p:tags r:id="rId16"/>
            </p:custDataLst>
          </p:nvPr>
        </p:nvSpPr>
        <p:spPr>
          <a:xfrm>
            <a:off x="4137271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50" name="OTLSHAPE_T_be3ae38f60b3402d8a13f1e91eec41f5_ShapePercentage" hidden="1"/>
          <p:cNvSpPr/>
          <p:nvPr>
            <p:custDataLst>
              <p:tags r:id="rId17"/>
            </p:custDataLst>
          </p:nvPr>
        </p:nvSpPr>
        <p:spPr>
          <a:xfrm>
            <a:off x="4912801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58" name="OTLSHAPE_T_9aa183d65df24b0c8fecd0a002471583_ShapePercentage" hidden="1"/>
          <p:cNvSpPr/>
          <p:nvPr>
            <p:custDataLst>
              <p:tags r:id="rId18"/>
            </p:custDataLst>
          </p:nvPr>
        </p:nvSpPr>
        <p:spPr>
          <a:xfrm>
            <a:off x="4912801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66" name="OTLSHAPE_T_06a6a20021ea4acdac20b41f7b37b0dd_ShapePercentage" hidden="1"/>
          <p:cNvSpPr/>
          <p:nvPr>
            <p:custDataLst>
              <p:tags r:id="rId19"/>
            </p:custDataLst>
          </p:nvPr>
        </p:nvSpPr>
        <p:spPr>
          <a:xfrm>
            <a:off x="5799121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74" name="OTLSHAPE_T_e6f5c918bdd649a1ac919cf22468a23b_ShapePercentage" hidden="1"/>
          <p:cNvSpPr/>
          <p:nvPr>
            <p:custDataLst>
              <p:tags r:id="rId20"/>
            </p:custDataLst>
          </p:nvPr>
        </p:nvSpPr>
        <p:spPr>
          <a:xfrm>
            <a:off x="6759301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43" name="OTLSHAPE_T_7c518fb37f2142bb8e0445920d0403b5_Duration" hidden="1"/>
          <p:cNvSpPr txBox="1"/>
          <p:nvPr>
            <p:custDataLst>
              <p:tags r:id="rId21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6 days</a:t>
            </a:r>
          </a:p>
        </p:txBody>
      </p:sp>
      <p:sp>
        <p:nvSpPr>
          <p:cNvPr id="9344" name="OTLSHAPE_T_7c518fb37f2142bb8e0445920d0403b5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45" name="OTLSHAPE_T_7c518fb37f2142bb8e0445920d0403b5_StartDate" hidden="1"/>
          <p:cNvSpPr txBox="1"/>
          <p:nvPr>
            <p:custDataLst>
              <p:tags r:id="rId2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46" name="OTLSHAPE_T_7c518fb37f2142bb8e0445920d0403b5_EndDate" hidden="1"/>
          <p:cNvSpPr txBox="1"/>
          <p:nvPr>
            <p:custDataLst>
              <p:tags r:id="rId2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51" name="OTLSHAPE_T_be3ae38f60b3402d8a13f1e91eec41f5_Duration" hidden="1"/>
          <p:cNvSpPr txBox="1"/>
          <p:nvPr>
            <p:custDataLst>
              <p:tags r:id="rId25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17 days</a:t>
            </a:r>
          </a:p>
        </p:txBody>
      </p:sp>
      <p:sp>
        <p:nvSpPr>
          <p:cNvPr id="9352" name="OTLSHAPE_T_be3ae38f60b3402d8a13f1e91eec41f5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53" name="OTLSHAPE_T_be3ae38f60b3402d8a13f1e91eec41f5_StartDate" hidden="1"/>
          <p:cNvSpPr txBox="1"/>
          <p:nvPr>
            <p:custDataLst>
              <p:tags r:id="rId27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54" name="OTLSHAPE_T_be3ae38f60b3402d8a13f1e91eec41f5_EndDate" hidden="1"/>
          <p:cNvSpPr txBox="1"/>
          <p:nvPr>
            <p:custDataLst>
              <p:tags r:id="rId28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55" name="OTLSHAPE_T_be3ae38f60b3402d8a13f1e91eec41f5_Title"/>
          <p:cNvSpPr txBox="1"/>
          <p:nvPr>
            <p:custDataLst>
              <p:tags r:id="rId29"/>
            </p:custDataLst>
          </p:nvPr>
        </p:nvSpPr>
        <p:spPr>
          <a:xfrm>
            <a:off x="2927394" y="3284169"/>
            <a:ext cx="7981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algn="ctr">
              <a:defRPr sz="1000" b="1" spc="-6">
                <a:solidFill>
                  <a:srgbClr val="3B5998"/>
                </a:solidFill>
                <a:latin typeface="Calibri" panose="020F0502020204030204" pitchFamily="34" charset="0"/>
              </a:defRPr>
            </a:lvl1pPr>
          </a:lstStyle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6" normalizeH="0" baseline="0" noProof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Mgmt</a:t>
            </a:r>
            <a:r>
              <a:rPr kumimoji="0" lang="en-US" altLang="zh-CN" sz="1000" b="1" i="0" u="none" strike="noStrike" kern="1200" cap="none" spc="-6" normalizeH="0" baseline="0" noProof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.</a:t>
            </a:r>
            <a:r>
              <a:rPr kumimoji="0" lang="zh-CN" altLang="en-US" sz="1000" b="1" i="0" u="none" strike="noStrike" kern="1200" cap="none" spc="-6" normalizeH="0" baseline="0" noProof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1" i="0" u="none" strike="noStrike" kern="1200" cap="none" spc="-6" normalizeH="0" baseline="0" noProof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Review</a:t>
            </a:r>
            <a:endParaRPr kumimoji="0" lang="en-GB" sz="1000" b="1" i="0" u="none" strike="noStrike" kern="1200" cap="none" spc="-6" normalizeH="0" baseline="0" noProof="0" dirty="0">
              <a:ln>
                <a:noFill/>
              </a:ln>
              <a:solidFill>
                <a:srgbClr val="3B5998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56" name="OTLSHAPE_T_be3ae38f60b3402d8a13f1e91eec41f5_JoinedDate"/>
          <p:cNvSpPr txBox="1"/>
          <p:nvPr>
            <p:custDataLst>
              <p:tags r:id="rId30"/>
            </p:custDataLst>
          </p:nvPr>
        </p:nvSpPr>
        <p:spPr>
          <a:xfrm>
            <a:off x="5709754" y="3284169"/>
            <a:ext cx="8180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Feb</a:t>
            </a:r>
            <a:r>
              <a:rPr kumimoji="0" lang="zh-CN" alt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17-</a:t>
            </a:r>
            <a:r>
              <a:rPr kumimoji="0" lang="zh-CN" alt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Feb</a:t>
            </a:r>
            <a:r>
              <a:rPr kumimoji="0" lang="zh-CN" alt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28</a:t>
            </a:r>
            <a:endParaRPr kumimoji="0" lang="en-GB" sz="1000" b="0" i="0" u="none" strike="noStrike" kern="1200" cap="none" spc="-4" normalizeH="0" baseline="0" noProof="0" dirty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59" name="OTLSHAPE_T_9aa183d65df24b0c8fecd0a002471583_Duration" hidden="1"/>
          <p:cNvSpPr txBox="1"/>
          <p:nvPr>
            <p:custDataLst>
              <p:tags r:id="rId31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24 days</a:t>
            </a:r>
          </a:p>
        </p:txBody>
      </p:sp>
      <p:sp>
        <p:nvSpPr>
          <p:cNvPr id="9360" name="OTLSHAPE_T_9aa183d65df24b0c8fecd0a002471583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61" name="OTLSHAPE_T_9aa183d65df24b0c8fecd0a002471583_StartDate" hidden="1"/>
          <p:cNvSpPr txBox="1"/>
          <p:nvPr>
            <p:custDataLst>
              <p:tags r:id="rId33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62" name="OTLSHAPE_T_9aa183d65df24b0c8fecd0a002471583_EndDate" hidden="1"/>
          <p:cNvSpPr txBox="1"/>
          <p:nvPr>
            <p:custDataLst>
              <p:tags r:id="rId34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63" name="OTLSHAPE_T_9aa183d65df24b0c8fecd0a002471583_Title"/>
          <p:cNvSpPr txBox="1"/>
          <p:nvPr>
            <p:custDataLst>
              <p:tags r:id="rId35"/>
            </p:custDataLst>
          </p:nvPr>
        </p:nvSpPr>
        <p:spPr>
          <a:xfrm>
            <a:off x="2711078" y="3704908"/>
            <a:ext cx="10152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8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Content</a:t>
            </a:r>
            <a:r>
              <a:rPr kumimoji="0" lang="zh-CN" alt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1" i="0" u="none" strike="noStrike" kern="1200" cap="none" spc="-8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Review</a:t>
            </a:r>
            <a:endParaRPr kumimoji="0" lang="en-GB" sz="1000" b="1" i="0" u="none" strike="noStrike" kern="1200" cap="none" spc="-8" normalizeH="0" baseline="0" noProof="0" dirty="0">
              <a:ln>
                <a:noFill/>
              </a:ln>
              <a:solidFill>
                <a:srgbClr val="D24726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64" name="OTLSHAPE_T_9aa183d65df24b0c8fecd0a002471583_JoinedDate"/>
          <p:cNvSpPr txBox="1"/>
          <p:nvPr>
            <p:custDataLst>
              <p:tags r:id="rId36"/>
            </p:custDataLst>
          </p:nvPr>
        </p:nvSpPr>
        <p:spPr>
          <a:xfrm>
            <a:off x="6278805" y="370434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Feb</a:t>
            </a:r>
            <a:r>
              <a:rPr kumimoji="0" lang="zh-CN" alt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12-</a:t>
            </a:r>
            <a:r>
              <a:rPr kumimoji="0" lang="zh-CN" alt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Mar</a:t>
            </a:r>
            <a:r>
              <a:rPr kumimoji="0" lang="zh-CN" alt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3</a:t>
            </a:r>
            <a:endParaRPr kumimoji="0" lang="en-GB" sz="1000" b="0" i="0" u="none" strike="noStrike" kern="1200" cap="none" spc="-4" normalizeH="0" baseline="0" noProof="0" dirty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67" name="OTLSHAPE_T_06a6a20021ea4acdac20b41f7b37b0dd_Duration" hidden="1"/>
          <p:cNvSpPr txBox="1"/>
          <p:nvPr>
            <p:custDataLst>
              <p:tags r:id="rId37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16 days</a:t>
            </a:r>
          </a:p>
        </p:txBody>
      </p:sp>
      <p:sp>
        <p:nvSpPr>
          <p:cNvPr id="9368" name="OTLSHAPE_T_06a6a20021ea4acdac20b41f7b37b0dd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69" name="OTLSHAPE_T_06a6a20021ea4acdac20b41f7b37b0dd_StartDate" hidden="1"/>
          <p:cNvSpPr txBox="1"/>
          <p:nvPr>
            <p:custDataLst>
              <p:tags r:id="rId39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70" name="OTLSHAPE_T_06a6a20021ea4acdac20b41f7b37b0dd_EndDate" hidden="1"/>
          <p:cNvSpPr txBox="1"/>
          <p:nvPr>
            <p:custDataLst>
              <p:tags r:id="rId40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71" name="OTLSHAPE_T_06a6a20021ea4acdac20b41f7b37b0dd_Title"/>
          <p:cNvSpPr txBox="1"/>
          <p:nvPr>
            <p:custDataLst>
              <p:tags r:id="rId41"/>
            </p:custDataLst>
          </p:nvPr>
        </p:nvSpPr>
        <p:spPr>
          <a:xfrm>
            <a:off x="5743885" y="3971608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algn="r">
              <a:defRPr sz="1000" b="1" spc="-8">
                <a:solidFill>
                  <a:srgbClr val="D24726"/>
                </a:solidFill>
                <a:latin typeface="Calibri" panose="020F0502020204030204" pitchFamily="34" charset="0"/>
              </a:defRPr>
            </a:lvl1pPr>
          </a:lstStyle>
          <a:p>
            <a:pPr marL="0" marR="0" lvl="0" indent="0" algn="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1" i="0" u="none" strike="noStrike" kern="1200" cap="none" spc="-8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5weeks‘</a:t>
            </a:r>
            <a:r>
              <a:rPr kumimoji="0" lang="zh-CN" alt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1" i="0" u="none" strike="noStrike" kern="1200" cap="none" spc="-8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forum</a:t>
            </a:r>
            <a:endParaRPr kumimoji="0" lang="en-GB" sz="1000" b="1" i="0" u="none" strike="noStrike" kern="1200" cap="none" spc="-8" normalizeH="0" baseline="0" noProof="0" dirty="0">
              <a:ln>
                <a:noFill/>
              </a:ln>
              <a:solidFill>
                <a:srgbClr val="D24726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72" name="OTLSHAPE_T_06a6a20021ea4acdac20b41f7b37b0dd_JoinedDate"/>
          <p:cNvSpPr txBox="1"/>
          <p:nvPr>
            <p:custDataLst>
              <p:tags r:id="rId42"/>
            </p:custDataLst>
          </p:nvPr>
        </p:nvSpPr>
        <p:spPr>
          <a:xfrm>
            <a:off x="9754176" y="397104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Mar</a:t>
            </a:r>
            <a:r>
              <a:rPr kumimoji="0" lang="zh-CN" alt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9-</a:t>
            </a:r>
            <a:r>
              <a:rPr kumimoji="0" lang="zh-CN" alt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Apr</a:t>
            </a:r>
            <a:r>
              <a:rPr kumimoji="0" lang="zh-CN" alt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4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10</a:t>
            </a:r>
            <a:endParaRPr kumimoji="0" lang="en-GB" sz="1000" b="0" i="0" u="none" strike="noStrike" kern="1200" cap="none" spc="-4" normalizeH="0" baseline="0" noProof="0" dirty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75" name="OTLSHAPE_T_e6f5c918bdd649a1ac919cf22468a23b_Duration" hidden="1"/>
          <p:cNvSpPr txBox="1"/>
          <p:nvPr>
            <p:custDataLst>
              <p:tags r:id="rId43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25 days</a:t>
            </a:r>
          </a:p>
        </p:txBody>
      </p:sp>
      <p:sp>
        <p:nvSpPr>
          <p:cNvPr id="9376" name="OTLSHAPE_T_e6f5c918bdd649a1ac919cf22468a23b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77" name="OTLSHAPE_T_e6f5c918bdd649a1ac919cf22468a23b_StartDate" hidden="1"/>
          <p:cNvSpPr txBox="1"/>
          <p:nvPr>
            <p:custDataLst>
              <p:tags r:id="rId45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78" name="OTLSHAPE_T_e6f5c918bdd649a1ac919cf22468a23b_EndDate" hidden="1"/>
          <p:cNvSpPr txBox="1"/>
          <p:nvPr>
            <p:custDataLst>
              <p:tags r:id="rId46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28" name="OTLSHAPE_M_a54bc827b05146d18b559f618723e2b4_Shape"/>
          <p:cNvSpPr/>
          <p:nvPr>
            <p:custDataLst>
              <p:tags r:id="rId47"/>
            </p:custDataLst>
          </p:nvPr>
        </p:nvSpPr>
        <p:spPr>
          <a:xfrm>
            <a:off x="5010938" y="2378666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31" name="OTLSHAPE_M_93afb554552a4221a5380f7919409aa7_Shape"/>
          <p:cNvSpPr/>
          <p:nvPr>
            <p:custDataLst>
              <p:tags r:id="rId48"/>
            </p:custDataLst>
          </p:nvPr>
        </p:nvSpPr>
        <p:spPr>
          <a:xfrm>
            <a:off x="6125453" y="2406798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326" name="OTLSHAPE_M_a54bc827b05146d18b559f618723e2b4_Title"/>
          <p:cNvSpPr txBox="1"/>
          <p:nvPr>
            <p:custDataLst>
              <p:tags r:id="rId49"/>
            </p:custDataLst>
          </p:nvPr>
        </p:nvSpPr>
        <p:spPr>
          <a:xfrm>
            <a:off x="4514068" y="1881606"/>
            <a:ext cx="123771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Presentation</a:t>
            </a:r>
            <a:r>
              <a:rPr kumimoji="0" lang="zh-CN" alt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CN" altLang="zh-CN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to</a:t>
            </a:r>
          </a:p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CN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all</a:t>
            </a:r>
            <a:r>
              <a:rPr kumimoji="0" lang="zh-CN" alt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managers</a:t>
            </a:r>
            <a:endParaRPr kumimoji="0" lang="en-GB" sz="1000" b="1" i="0" u="none" strike="noStrike" kern="1200" cap="none" spc="-6" normalizeH="0" baseline="0" noProof="0" dirty="0">
              <a:ln>
                <a:noFill/>
              </a:ln>
              <a:solidFill>
                <a:srgbClr val="3B5998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27" name="OTLSHAPE_M_a54bc827b05146d18b559f618723e2b4_Date"/>
          <p:cNvSpPr txBox="1"/>
          <p:nvPr>
            <p:custDataLst>
              <p:tags r:id="rId50"/>
            </p:custDataLst>
          </p:nvPr>
        </p:nvSpPr>
        <p:spPr>
          <a:xfrm>
            <a:off x="4939604" y="2211759"/>
            <a:ext cx="38664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Feb 2</a:t>
            </a:r>
            <a:r>
              <a:rPr kumimoji="0" lang="en-US" altLang="zh-CN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4</a:t>
            </a:r>
            <a:endParaRPr kumimoji="0" lang="en-GB" sz="1000" b="0" i="0" u="none" strike="noStrike" kern="1200" cap="none" spc="-6" normalizeH="0" baseline="0" noProof="0" dirty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29" name="OTLSHAPE_M_93afb554552a4221a5380f7919409aa7_Title"/>
          <p:cNvSpPr txBox="1"/>
          <p:nvPr>
            <p:custDataLst>
              <p:tags r:id="rId51"/>
            </p:custDataLst>
          </p:nvPr>
        </p:nvSpPr>
        <p:spPr>
          <a:xfrm>
            <a:off x="5858775" y="1654953"/>
            <a:ext cx="7847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1" i="0" u="none" strike="noStrike" kern="1200" cap="none" spc="-6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Kickoff</a:t>
            </a:r>
            <a:endParaRPr kumimoji="0" lang="en-GB" sz="1000" b="1" i="0" u="none" strike="noStrike" kern="1200" cap="none" spc="-6" normalizeH="0" baseline="0" noProof="0" dirty="0">
              <a:ln>
                <a:noFill/>
              </a:ln>
              <a:solidFill>
                <a:srgbClr val="D24726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30" name="OTLSHAPE_M_93afb554552a4221a5380f7919409aa7_Date"/>
          <p:cNvSpPr txBox="1"/>
          <p:nvPr>
            <p:custDataLst>
              <p:tags r:id="rId52"/>
            </p:custDataLst>
          </p:nvPr>
        </p:nvSpPr>
        <p:spPr>
          <a:xfrm>
            <a:off x="6061022" y="180941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Mar</a:t>
            </a:r>
            <a:r>
              <a:rPr kumimoji="0" lang="zh-CN" alt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4</a:t>
            </a:r>
            <a:endParaRPr kumimoji="0" lang="en-GB" sz="1000" b="0" i="0" u="none" strike="noStrike" kern="1200" cap="none" spc="-6" normalizeH="0" baseline="0" noProof="0" dirty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333" name="OTLSHAPE_M_6a283b367375415b92b0e5fc4e16a0cc_Date" hidden="1"/>
          <p:cNvSpPr txBox="1"/>
          <p:nvPr>
            <p:custDataLst>
              <p:tags r:id="rId53"/>
            </p:custDataLst>
          </p:nvPr>
        </p:nvSpPr>
        <p:spPr>
          <a:xfrm>
            <a:off x="8051826" y="2439590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D1282E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Nov 7</a:t>
            </a:r>
          </a:p>
        </p:txBody>
      </p:sp>
      <p:sp>
        <p:nvSpPr>
          <p:cNvPr id="9336" name="OTLSHAPE_M_7b0996464ffd4cd3a3b383ab1ba22438_Date" hidden="1"/>
          <p:cNvSpPr txBox="1"/>
          <p:nvPr>
            <p:custDataLst>
              <p:tags r:id="rId54"/>
            </p:custDataLst>
          </p:nvPr>
        </p:nvSpPr>
        <p:spPr>
          <a:xfrm>
            <a:off x="963981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D1282E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Dec 20</a:t>
            </a:r>
          </a:p>
        </p:txBody>
      </p:sp>
      <p:sp>
        <p:nvSpPr>
          <p:cNvPr id="94" name="OTLSHAPE_M_a54bc827b05146d18b559f618723e2b4_Shape">
            <a:extLst>
              <a:ext uri="{FF2B5EF4-FFF2-40B4-BE49-F238E27FC236}">
                <a16:creationId xmlns:a16="http://schemas.microsoft.com/office/drawing/2014/main" id="{9467879F-16AE-2A4D-80AA-CAEEFE5EB28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0640326" y="2378666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5" name="OTLSHAPE_M_a54bc827b05146d18b559f618723e2b4_Title">
            <a:extLst>
              <a:ext uri="{FF2B5EF4-FFF2-40B4-BE49-F238E27FC236}">
                <a16:creationId xmlns:a16="http://schemas.microsoft.com/office/drawing/2014/main" id="{DA9E5F64-8D84-4F47-BC9C-C758875B5BB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143456" y="1881606"/>
            <a:ext cx="123771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Presentation</a:t>
            </a:r>
            <a:r>
              <a:rPr kumimoji="0" lang="zh-CN" alt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CN" altLang="zh-CN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to</a:t>
            </a:r>
          </a:p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CN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all</a:t>
            </a:r>
            <a:r>
              <a:rPr kumimoji="0" lang="zh-CN" alt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1" i="0" u="none" strike="noStrike" kern="1200" cap="none" spc="-6" normalizeH="0" baseline="0" noProof="0" dirty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managers</a:t>
            </a:r>
            <a:endParaRPr kumimoji="0" lang="en-GB" sz="1000" b="1" i="0" u="none" strike="noStrike" kern="1200" cap="none" spc="-6" normalizeH="0" baseline="0" noProof="0" dirty="0">
              <a:ln>
                <a:noFill/>
              </a:ln>
              <a:solidFill>
                <a:srgbClr val="3B5998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96" name="OTLSHAPE_M_a54bc827b05146d18b559f618723e2b4_Date">
            <a:extLst>
              <a:ext uri="{FF2B5EF4-FFF2-40B4-BE49-F238E27FC236}">
                <a16:creationId xmlns:a16="http://schemas.microsoft.com/office/drawing/2014/main" id="{98EFE831-F775-3745-AA40-D984C6EEB14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0568992" y="2211759"/>
            <a:ext cx="38664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CN" altLang="zh-CN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tbd</a:t>
            </a:r>
            <a:endParaRPr kumimoji="0" lang="en-GB" sz="1000" b="0" i="0" u="none" strike="noStrike" kern="1200" cap="none" spc="-6" normalizeH="0" baseline="0" noProof="0" dirty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cxnSp>
        <p:nvCxnSpPr>
          <p:cNvPr id="97" name="OTLSHAPE_M_93afb554552a4221a5380f7919409aa7_Connector1">
            <a:extLst>
              <a:ext uri="{FF2B5EF4-FFF2-40B4-BE49-F238E27FC236}">
                <a16:creationId xmlns:a16="http://schemas.microsoft.com/office/drawing/2014/main" id="{8CC9F5CF-BD9D-CE48-9391-97B13FB9C34D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10043086" y="1962466"/>
            <a:ext cx="0" cy="569364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M_93afb554552a4221a5380f7919409aa7_Shape">
            <a:extLst>
              <a:ext uri="{FF2B5EF4-FFF2-40B4-BE49-F238E27FC236}">
                <a16:creationId xmlns:a16="http://schemas.microsoft.com/office/drawing/2014/main" id="{BCF86D42-381A-6244-ABD2-7CA528DF677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928786" y="240483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CiscoSansTT ExtraLight"/>
              <a:ea typeface="+mn-ea"/>
              <a:cs typeface="+mn-cs"/>
            </a:endParaRPr>
          </a:p>
        </p:txBody>
      </p:sp>
      <p:sp>
        <p:nvSpPr>
          <p:cNvPr id="99" name="OTLSHAPE_M_93afb554552a4221a5380f7919409aa7_Title">
            <a:extLst>
              <a:ext uri="{FF2B5EF4-FFF2-40B4-BE49-F238E27FC236}">
                <a16:creationId xmlns:a16="http://schemas.microsoft.com/office/drawing/2014/main" id="{7D9BD1B5-4920-A742-819C-D4D97EED77D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662108" y="1515078"/>
            <a:ext cx="78473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1" i="0" u="none" strike="noStrike" kern="1200" cap="none" spc="-6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Wrap-up</a:t>
            </a:r>
            <a:r>
              <a:rPr kumimoji="0" lang="zh-CN" alt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1" i="0" u="none" strike="noStrike" kern="1200" cap="none" spc="-6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&amp;</a:t>
            </a:r>
          </a:p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6" normalizeH="0" baseline="0" noProof="0" dirty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Recognition</a:t>
            </a:r>
          </a:p>
        </p:txBody>
      </p:sp>
      <p:sp>
        <p:nvSpPr>
          <p:cNvPr id="100" name="OTLSHAPE_M_93afb554552a4221a5380f7919409aa7_Date">
            <a:extLst>
              <a:ext uri="{FF2B5EF4-FFF2-40B4-BE49-F238E27FC236}">
                <a16:creationId xmlns:a16="http://schemas.microsoft.com/office/drawing/2014/main" id="{9CE8E431-AA45-3743-A1EE-C170D76982C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864355" y="180744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Apr</a:t>
            </a:r>
            <a:r>
              <a:rPr kumimoji="0" lang="zh-CN" alt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 </a:t>
            </a:r>
            <a:r>
              <a:rPr kumimoji="0" lang="en-US" altLang="zh-CN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</a:rPr>
              <a:t>15</a:t>
            </a:r>
            <a:endParaRPr kumimoji="0" lang="en-GB" sz="1000" b="0" i="0" u="none" strike="noStrike" kern="1200" cap="none" spc="-6" normalizeH="0" baseline="0" noProof="0" dirty="0">
              <a:ln>
                <a:noFill/>
              </a:ln>
              <a:solidFill>
                <a:srgbClr val="7F7F7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5B5BE34-EBA2-3748-A74E-A647C0BF08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evNet</a:t>
            </a:r>
            <a:r>
              <a:rPr lang="zh-CN" altLang="en-US" dirty="0"/>
              <a:t> </a:t>
            </a:r>
            <a:r>
              <a:rPr lang="en-US" altLang="zh-CN" dirty="0"/>
              <a:t>Learning</a:t>
            </a:r>
            <a:r>
              <a:rPr lang="zh-CN" altLang="en-US" dirty="0"/>
              <a:t> </a:t>
            </a:r>
            <a:r>
              <a:rPr lang="en-US" altLang="zh-CN" dirty="0"/>
              <a:t>Forum</a:t>
            </a:r>
            <a:endParaRPr lang="en-CN" dirty="0"/>
          </a:p>
        </p:txBody>
      </p:sp>
      <p:sp>
        <p:nvSpPr>
          <p:cNvPr id="102" name="Rectangle 5">
            <a:extLst>
              <a:ext uri="{FF2B5EF4-FFF2-40B4-BE49-F238E27FC236}">
                <a16:creationId xmlns:a16="http://schemas.microsoft.com/office/drawing/2014/main" id="{6D1D44DA-27E3-404D-972D-ED7A86CDCBC0}"/>
              </a:ext>
            </a:extLst>
          </p:cNvPr>
          <p:cNvSpPr>
            <a:spLocks noChangeArrowheads="1"/>
          </p:cNvSpPr>
          <p:nvPr/>
        </p:nvSpPr>
        <p:spPr bwMode="auto">
          <a:xfrm>
            <a:off x="287143" y="1736678"/>
            <a:ext cx="1947031" cy="452705"/>
          </a:xfrm>
          <a:prstGeom prst="rect">
            <a:avLst/>
          </a:prstGeom>
          <a:solidFill>
            <a:schemeClr val="accent1"/>
          </a:solidFill>
          <a:ln w="19050">
            <a:noFill/>
            <a:miter lim="800000"/>
            <a:headEnd/>
            <a:tailEnd/>
          </a:ln>
          <a:effectLst/>
        </p:spPr>
        <p:txBody>
          <a:bodyPr lIns="91452" tIns="45727" rIns="91452" bIns="45727" anchor="ctr" anchorCtr="1"/>
          <a:lstStyle/>
          <a:p>
            <a:pPr marL="0" marR="0" lvl="0" indent="0" algn="ctr" defTabSz="81447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2667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 Unicode MS" panose="020B0604020202020204" pitchFamily="34" charset="-122"/>
                <a:ea typeface="Arial Unicode MS" panose="020B0604020202020204" pitchFamily="34" charset="-122"/>
                <a:cs typeface="Arial Unicode MS" panose="020B0604020202020204" pitchFamily="34" charset="-122"/>
              </a:rPr>
              <a:t>Timeline</a:t>
            </a:r>
            <a:endParaRPr kumimoji="0" lang="en-US" sz="2667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 Unicode MS" panose="020B0604020202020204" pitchFamily="34" charset="-122"/>
              <a:ea typeface="Arial Unicode MS" panose="020B0604020202020204" pitchFamily="34" charset="-122"/>
              <a:cs typeface="Arial Unicode MS" panose="020B0604020202020204" pitchFamily="34" charset="-122"/>
            </a:endParaRPr>
          </a:p>
        </p:txBody>
      </p:sp>
      <p:sp>
        <p:nvSpPr>
          <p:cNvPr id="66" name="Rectangle 5">
            <a:extLst>
              <a:ext uri="{FF2B5EF4-FFF2-40B4-BE49-F238E27FC236}">
                <a16:creationId xmlns:a16="http://schemas.microsoft.com/office/drawing/2014/main" id="{7CE43320-0A0B-8348-B5AE-AF41CF3B7FA4}"/>
              </a:ext>
            </a:extLst>
          </p:cNvPr>
          <p:cNvSpPr>
            <a:spLocks noChangeArrowheads="1"/>
          </p:cNvSpPr>
          <p:nvPr/>
        </p:nvSpPr>
        <p:spPr bwMode="auto">
          <a:xfrm>
            <a:off x="287143" y="4291359"/>
            <a:ext cx="2196284" cy="452705"/>
          </a:xfrm>
          <a:prstGeom prst="rect">
            <a:avLst/>
          </a:prstGeom>
          <a:solidFill>
            <a:schemeClr val="accent1"/>
          </a:solidFill>
          <a:ln w="19050">
            <a:noFill/>
            <a:miter lim="800000"/>
            <a:headEnd/>
            <a:tailEnd/>
          </a:ln>
          <a:effectLst/>
        </p:spPr>
        <p:txBody>
          <a:bodyPr lIns="91452" tIns="45727" rIns="91452" bIns="45727" anchor="ctr" anchorCtr="1"/>
          <a:lstStyle/>
          <a:p>
            <a:pPr marL="0" marR="0" lvl="0" indent="0" algn="ctr" defTabSz="81447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CN" sz="2667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 Unicode MS" panose="020B0604020202020204" pitchFamily="34" charset="-122"/>
                <a:ea typeface="Arial Unicode MS" panose="020B0604020202020204" pitchFamily="34" charset="-122"/>
                <a:cs typeface="Arial Unicode MS" panose="020B0604020202020204" pitchFamily="34" charset="-122"/>
              </a:rPr>
              <a:t>Participants</a:t>
            </a:r>
            <a:endParaRPr kumimoji="0" lang="en-US" sz="2667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 Unicode MS" panose="020B0604020202020204" pitchFamily="34" charset="-122"/>
              <a:ea typeface="Arial Unicode MS" panose="020B0604020202020204" pitchFamily="34" charset="-122"/>
              <a:cs typeface="Arial Unicode MS" panose="020B0604020202020204" pitchFamily="34" charset="-122"/>
            </a:endParaRP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94E8D1D1-0B21-FB45-8961-36C6355A5F8C}"/>
              </a:ext>
            </a:extLst>
          </p:cNvPr>
          <p:cNvSpPr txBox="1"/>
          <p:nvPr/>
        </p:nvSpPr>
        <p:spPr>
          <a:xfrm>
            <a:off x="1385285" y="4965014"/>
            <a:ext cx="7563289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CN" sz="2000" b="1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Nominate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by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ENTG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Managers</a:t>
            </a:r>
            <a:endParaRPr kumimoji="0" lang="en-CN" sz="2000" b="0" i="0" u="none" strike="noStrike" kern="120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  <a:latin typeface="CiscoSansTT ExtraLight"/>
              <a:ea typeface="ＭＳ Ｐゴシック" charset="0"/>
            </a:endParaRPr>
          </a:p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Expertise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in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any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of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Cisco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Product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Line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is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1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MUST</a:t>
            </a:r>
          </a:p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Knowledge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of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any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Programming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Language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is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1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Recommended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endParaRPr kumimoji="0" lang="en-US" altLang="zh-CN" sz="2000" b="0" i="0" u="none" strike="noStrike" kern="120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  <a:latin typeface="CiscoSansTT ExtraLight"/>
              <a:ea typeface="ＭＳ Ｐゴシック" charset="0"/>
            </a:endParaRPr>
          </a:p>
          <a:p>
            <a:pPr marL="285750" marR="0" lvl="0" indent="-28575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SME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is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1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Encouraged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to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join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the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1</a:t>
            </a:r>
            <a:r>
              <a:rPr kumimoji="0" lang="en-US" altLang="zh-CN" sz="2000" b="0" i="0" u="none" strike="noStrike" kern="1200" cap="none" spc="0" normalizeH="0" baseline="3000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st</a:t>
            </a:r>
            <a:r>
              <a:rPr kumimoji="0" lang="zh-CN" alt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 </a:t>
            </a:r>
            <a:r>
              <a:rPr kumimoji="0" lang="en-US" altLang="zh-CN" sz="2000" b="0" i="0" u="none" strike="noStrike" kern="120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  <a:latin typeface="CiscoSansTT ExtraLight"/>
                <a:ea typeface="ＭＳ Ｐゴシック" charset="0"/>
              </a:rPr>
              <a:t>foru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68989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i4w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b3JiZWw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9yYmVs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4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4OSwiUiI6MCwiRyI6MCwiQiI6MH19LCJJc1Zpc2libGUiOmZhbHN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3OSwiRyI6MTI5LCJCIjoxODl9fSwiTGluZVdlaWdodCI6MS4wLCJMaW5lVHlwZSI6MCwiUGFyZW50U3R5bGUiOm51bGx9LCJJc0JlbG93VGltZWJhbmQiOmZhbHNlLCJQb3NpdGlvbk9uVGFzayI6MCwiSGlkZURhdGUiOmZhbHNlLCJTaGFwZVNpemUiOjE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wLCJHIjoxMTQsIkIiOjE4OH19LCJJc1Zpc2libGUiOnRydWUsIldpZHRoIjoxOC4wLCJIZWlnaHQiOjIw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QsIkZvbnROYW1lIjoiQ29yYmVs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vcmJlbCIsIklzQm9sZCI6ZmFsc2UsIklzSXRhbGljIjpmYWxzZSwiSXNVbmRlcmxpbmVkIjpmYWxzZSwiUGFyZW50U3R5bGUiOm51bGx9LCJBdXRvU2l6ZSI6MCwiRm9yZWdyb3VuZCI6eyIkaWQiOiI3OCIsIkNvbG9yIjp7IiRpZCI6Ijc5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M2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ZmFsc2UsIlRpbWVQYXJ0SXNWaXNpYmxlIjpmYWxzZX19LCJJc1Zpc2libGUiOnRydWUsIlBhcmVudFN0eWxlIjpudWxsfSwiRGVmYXVsdFRhc2tTdHlsZSI6eyIkaWQiOiI4NSIsIlNoYXBlIjoy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MxLCJHIjoyMzAsIkIiOjIzMH19LCJMaW5lV2VpZ2h0IjowLjAsIkxpbmVUeXBlIjowLCJQYXJlbnRTdHlsZSI6bnVsbH0sIlZlcnRpY2FsQ29ubmVjdG9yU3R5bGUiOnsiJGlkIjoiMTAzIiwiTGluZUNvbG9yIjp7IiRpZCI6IjEwNCIsIiR0eXBlIjoiTkxSRS5Db21tb24uRG9tLlNvbGlkQ29sb3JCcnVzaCwgTkxSRS5Db21tb24iLCJDb2xvciI6eyIkaWQiOiIxMDU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CwiRyI6MTE0LCJCIjoxODh9fSwiSXNWaXNpYmxlIjp0cnVlLCJXaWR0aCI6MC4wLCJIZWlnaHQiOjE2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lRpdGxlU3R5bGUiOnsiJGlkIjoiMTE0IiwiRm9udFNldHRpbmdzIjp7IiRpZCI6IjExNSIsIkZvbnRTaXplIjoxNCwiRm9udE5hbWUiOiJDb3JiZWw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MzY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5IiwiRGF0ZVBhcnRJc1Zpc2libGUiOmZhbHNlLCJUaW1lUGFydElzVmlzaWJsZSI6ZmFsc2V9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4MCIsIkxpbmVDb2xvciI6bnVsbCwiTGluZVdlaWdodCI6MC4wLCJMaW5lVHlwZSI6MCwiUGFyZW50U3R5bGUiOm51bGx9LCJQYXJlbnRTdHlsZSI6eyIkcmVmIjoiNjkifX0sIkRhdGVTdHlsZSI6eyIkaWQiOiIxODEiLCJGb250U2V0dGluZ3MiOnsiJGlkIjoiMTgyIiwiRm9udFNpemUiOjEwLCJGb250TmFtZSI6IkNhbGlicmkiLCJJc0JvbGQiOmZhbHNlLCJJc0l0YWxpYyI6ZmFsc2UsIklzVW5kZXJsaW5lZCI6ZmFsc2UsIlBhcmVudFN0eWxlIjp7IiRyZWYiOiI3NyJ9fSwiQXV0b1NpemUiOjAsIkZvcmVncm91bmQiOnsiJGlkIjoiMTgzIiwiQ29sb3IiOnsiJGlkIjoiMTg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wMSIsIkxpbmVDb2xvciI6bnVsbCwiTGluZVdlaWdodCI6MC4wLCJMaW5lVHlwZSI6MCwiUGFyZW50U3R5bGUiOm51bGx9LCJQYXJlbnRTdHlsZSI6eyIkcmVmIjoiNjkifX0sIkRhdGVTdHlsZSI6eyIkaWQiOiIyMDIiLCJGb250U2V0dGluZ3MiOnsiJGlkIjoiMjAzIiwiRm9udFNpemUiOjEwLCJGb250TmFtZSI6IkNhbGlicmkiLCJJc0JvbGQiOmZhbHNlLCJJc0l0YWxpYyI6ZmFsc2UsIklzVW5kZXJsaW5lZCI6ZmFsc2UsIlBhcmVudFN0eWxlIjp7IiRyZWYiOiI3NyJ9fSwiQXV0b1NpemUiOjAsIkZvcmVncm91bmQiOnsiJGlkIjoiMjA0IiwiQ29sb3IiOnsiJGlkIjoiMjA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yMiIsIkxpbmVDb2xvciI6bnVsbCwiTGluZVdlaWdodCI6MC4wLCJMaW5lVHlwZSI6MCwiUGFyZW50U3R5bGUiOm51bGx9LCJQYXJlbnRTdHlsZSI6eyIkcmVmIjoiNjkifX0sIkRhdGVTdHlsZSI6eyIkaWQiOiIyMjMiLCJGb250U2V0dGluZ3MiOnsiJGlkIjoiMjI0IiwiRm9udFNpemUiOjEwLCJGb250TmFtZSI6IkNhbGlicmkiLCJJc0JvbGQiOmZhbHNlLCJJc0l0YWxpYyI6ZmFsc2UsIklzVW5kZXJsaW5lZCI6ZmFsc2UsIlBhcmVudFN0eWxlIjp7IiRyZWYiOiI3NyJ9fSwiQXV0b1NpemUiOjAsIkZvcmVncm91bmQiOnsiJGlkIjoiMjI1IiwiQ29sb3IiOnsiJGlkIjoiMjI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DMiLCJMaW5lQ29sb3IiOm51bGwsIkxpbmVXZWlnaHQiOjAuMCwiTGluZVR5cGUiOjAsIlBhcmVudFN0eWxlIjpudWxsfSwiUGFyZW50U3R5bGUiOnsiJHJlZiI6IjY5In19LCJEYXRlU3R5bGUiOnsiJGlkIjoiMjQ0IiwiRm9udFNldHRpbmdzIjp7IiRpZCI6IjI0NSIsIkZvbnRTaXplIjoxMCwiRm9udE5hbWUiOiJDYWxpYnJpIiwiSXNCb2xkIjpmYWxzZSwiSXNJdGFsaWMiOmZhbHNlLCJJc1VuZGVybGluZWQiOmZhbHNlLCJQYXJlbnRTdHlsZSI6eyIkcmVmIjoiNzcifX0sIkF1dG9TaXplIjowLCJGb3JlZ3JvdW5kIjp7IiRpZCI6IjI0NiIsIkNvbG9yIjp7IiRpZCI6IjI0Ny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jQiLCJMaW5lQ29sb3IiOm51bGwsIkxpbmVXZWlnaHQiOjAuMCwiTGluZVR5cGUiOjAsIlBhcmVudFN0eWxlIjpudWxsfSwiUGFyZW50U3R5bGUiOnsiJHJlZiI6IjY5In19LCJEYXRlU3R5bGUiOnsiJGlkIjoiMjY1IiwiRm9udFNldHRpbmdzIjp7IiRpZCI6IjI2NiIsIkZvbnRTaXplIjo4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gzIiwiTGluZUNvbG9yIjpudWxsLCJMaW5lV2VpZ2h0IjowLjAsIkxpbmVUeXBlIjowLCJQYXJlbnRTdHlsZSI6bnVsbH0sIlBhcmVudFN0eWxlIjp7IiRyZWYiOiI2OSJ9fSwiRGF0ZVN0eWxlIjp7IiRpZCI6IjI4NCIsIkZvbnRTZXR0aW5ncyI6eyIkaWQiOiIyODUiLCJGb250U2l6ZSI6OC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MwMiIsIkxpbmVDb2xvciI6bnVsbCwiTGluZVdlaWdodCI6MC4wLCJMaW5lVHlwZSI6MCwiUGFyZW50U3R5bGUiOm51bGx9LCJQYXJlbnRTdHlsZSI6eyIkcmVmIjoiNjkifX0sIkRhdGVTdHlsZSI6eyIkaWQiOiIzMDMiLCJGb250U2V0dGluZ3MiOnsiJGlkIjoiMzA0IiwiRm9udFNpemUiOjEwLCJGb250TmFtZSI6IkNhbGlicmkiLCJJc0JvbGQiOmZhbHNlLCJJc0l0YWxpYyI6ZmFsc2UsIklzVW5kZXJsaW5lZCI6ZmFsc2UsIlBhcmVudFN0eWxlIjp7IiRyZWYiOiI3NyJ9fSwiQXV0b1NpemUiOjAsIkZvcmVncm91bmQiOnsiJGlkIjoiMzA1IiwiQ29sb3IiOnsiJGlkIjoiMzA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xMyIsIkxpbmVDb2xvciI6bnVsbCwiTGluZVdlaWdodCI6MC4wLCJMaW5lVHlwZSI6MCwiUGFyZW50U3R5bGUiOm51bGx9LCJQYXJlbnRTdHlsZSI6eyIkcmVmIjoiODYifX0sIkR1cmF0aW9uU3R5bGUiOnsiJGlkIjoiMzE0IiwiRm9udFNldHRpbmdzIjp7IiRpZCI6IjMxNSIsIkZvbnRTaXplIjoxMCwiRm9udE5hbWUiOiJDYWxpYnJpIiwiSXNCb2xkIjpmYWxzZSwiSXNJdGFsaWMiOmZhbHNlLCJJc1VuZGVybGluZWQiOmZhbHNlLCJQYXJlbnRTdHlsZSI6eyIkcmVmIjoiOTQifX0sIkF1dG9TaXplIjowLCJGb3JlZ3JvdW5kIjp7IiRpZCI6IjMxNiIsIkNvbG9yIjp7IiRpZCI6IjMx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MxOCIsIkxpbmVDb2xvciI6bnVsbCwiTGluZVdlaWdodCI6MC4wLCJMaW5lVHlwZSI6MCwiUGFyZW50U3R5bGUiOm51bGx9LCJQYXJlbnRTdHlsZSI6eyIkcmVmIjoiOTMifX0sIkhvcml6b250YWxDb25uZWN0b3JTdHlsZSI6eyIkaWQiOiIzMTkiLCJMaW5lQ29sb3IiOnsiJHJlZiI6IjEwMSJ9LCJMaW5lV2VpZ2h0IjowLjAsIkxpbmVUeXBlIjowLCJQYXJlbnRTdHlsZSI6eyIkcmVmIjoiMTAwIn19LCJWZXJ0aWNhbENvbm5lY3RvclN0eWxlIjp7IiRpZCI6IjMyMC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zEiLCJMaW5lQ29sb3IiOm51bGwsIkxpbmVXZWlnaHQiOjAuMCwiTGluZVR5cGUiOjAsIlBhcmVudFN0eWxlIjpudWxsfSwiUGFyZW50U3R5bGUiOnsiJHJlZiI6IjExNCJ9fSwiRGF0ZVN0eWxlIjp7IiRpZCI6IjMzMiIsIkZvbnRTZXR0aW5ncyI6eyIkaWQiOiIzMzMiLCJGb250U2l6ZSI6MTAsIkZvbnROYW1lIjoiQ2FsaWJyaSIsIklzQm9sZCI6ZmFsc2UsIklzSXRhbGljIjpmYWxzZSwiSXNVbmRlcmxpbmVkIjpmYWxzZSwiUGFyZW50U3R5bGUiOnsiJHJlZiI6IjEyMiJ9fSwiQXV0b1NpemUiOjAsIkZvcmVncm91bmQiOnsiJGlkIjoiMzM0IiwiQ29sb3IiOnsiJGlkIjoiMzM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zNDIiLCJMaW5lQ29sb3IiOm51bGwsIkxpbmVXZWlnaHQiOjAuMCwiTGluZVR5cGUiOjAsIlBhcmVudFN0eWxlIjpudWxsfSwiUGFyZW50U3R5bGUiOnsiJHJlZiI6Ijg2In19LCJEdXJhdGlvblN0eWxlIjp7IiRpZCI6IjM0MyIsIkZvbnRTZXR0aW5ncyI6eyIkaWQiOiIzNDQiLCJGb250U2l6ZSI6MTAsIkZvbnROYW1lIjoiQ2FsaWJyaSIsIklzQm9sZCI6ZmFsc2UsIklzSXRhbGljIjpmYWxzZSwiSXNVbmRlcmxpbmVkIjpmYWxzZSwiUGFyZW50U3R5bGUiOnsiJHJlZiI6Ijk0In19LCJBdXRvU2l6ZSI6MCwiRm9yZWdyb3VuZCI6eyIkaWQiOiIzNDUiLCJDb2xvciI6eyIkaWQiOiIzN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zNDciLCJMaW5lQ29sb3IiOm51bGwsIkxpbmVXZWlnaHQiOjAuMCwiTGluZVR5cGUiOjAsIlBhcmVudFN0eWxlIjpudWxsfSwiUGFyZW50U3R5bGUiOnsiJHJlZiI6IjkzIn19LCJIb3Jpem9udGFsQ29ubmVjdG9yU3R5bGUiOnsiJGlkIjoiMzQ4IiwiTGluZUNvbG9yIjp7IiRyZWYiOiIxMDEifSwiTGluZVdlaWdodCI6MC4wLCJMaW5lVHlwZSI6MCwiUGFyZW50U3R5bGUiOnsiJHJlZiI6IjEwMCJ9fSwiVmVydGljYWxDb25uZWN0b3JTdHlsZSI6eyIkaWQiOiIzNDkiLCJMaW5lQ29sb3IiOnsiJHJlZiI6IjEwNCJ9LCJMaW5lV2VpZ2h0IjowLjAsIkxpbmVUeXBlIjowLCJQYXJlbnRTdHlsZSI6eyIkcmVmIjoiMTAz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YwIiwiTGluZUNvbG9yIjpudWxsLCJMaW5lV2VpZ2h0IjowLjAsIkxpbmVUeXBlIjowLCJQYXJlbnRTdHlsZSI6bnVsbH0sIlBhcmVudFN0eWxlIjp7IiRyZWYiOiIxMTQifX0sIkRhdGVTdHlsZSI6eyIkaWQiOiIzNjEiLCJGb250U2V0dGluZ3MiOnsiJGlkIjoiMzYyIiwiRm9udFNpemUiOjEwLCJGb250TmFtZSI6IkNhbGlicmkiLCJJc0JvbGQiOmZhbHNlLCJJc0l0YWxpYyI6ZmFsc2UsIklzVW5kZXJsaW5lZCI6ZmFsc2UsIlBhcmVudFN0eWxlIjp7IiRyZWYiOiIxMjIifX0sIkF1dG9TaXplIjowLCJGb3JlZ3JvdW5kIjp7IiRpZCI6IjM2MyIsIkNvbG9yIjp7IiRpZCI6IjM2N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Y1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zcxIiwiTGluZUNvbG9yIjpudWxsLCJMaW5lV2VpZ2h0IjowLjAsIkxpbmVUeXBlIjowLCJQYXJlbnRTdHlsZSI6bnVsbH0sIlBhcmVudFN0eWxlIjp7IiRyZWYiOiI4NiJ9fSwiRHVyYXRpb25TdHlsZSI6eyIkaWQiOiIzNzIiLCJGb250U2V0dGluZ3MiOnsiJGlkIjoiMzczIiwiRm9udFNpemUiOjEwLCJGb250TmFtZSI6IkNhbGlicmkiLCJJc0JvbGQiOmZhbHNlLCJJc0l0YWxpYyI6ZmFsc2UsIklzVW5kZXJsaW5lZCI6ZmFsc2UsIlBhcmVudFN0eWxlIjp7IiRyZWYiOiI5NCJ9fSwiQXV0b1NpemUiOjAsIkZvcmVncm91bmQiOnsiJGlkIjoiMzc0IiwiQ29sb3IiOnsiJGlkIjoiMzc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c2IiwiTGluZUNvbG9yIjpudWxsLCJMaW5lV2VpZ2h0IjowLjAsIkxpbmVUeXBlIjowLCJQYXJlbnRTdHlsZSI6bnVsbH0sIlBhcmVudFN0eWxlIjp7IiRyZWYiOiI5MyJ9fSwiSG9yaXpvbnRhbENvbm5lY3RvclN0eWxlIjp7IiRpZCI6IjM3NyIsIkxpbmVDb2xvciI6eyIkcmVmIjoiMTAxIn0sIkxpbmVXZWlnaHQiOjAuMCwiTGluZVR5cGUiOjAsIlBhcmVudFN0eWxlIjp7IiRyZWYiOiIxMDAifX0sIlZlcnRpY2FsQ29ubmVjdG9yU3R5bGUiOnsiJGlkIjoiMzc4IiwiTGluZUNvbG9yIjp7IiRyZWYiOiIxMDQifSwiTGluZVdlaWdodCI6MC4wLCJMaW5lVHlwZSI6MCwiUGFyZW50U3R5bGUiOnsiJHJlZiI6IjEwMy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4OSIsIkxpbmVDb2xvciI6bnVsbCwiTGluZVdlaWdodCI6MC4wLCJMaW5lVHlwZSI6MCwiUGFyZW50U3R5bGUiOm51bGx9LCJQYXJlbnRTdHlsZSI6eyIkcmVmIjoiMTE0In19LCJEYXRlU3R5bGUiOnsiJGlkIjoiMzkwIiwiRm9udFNldHRpbmdzIjp7IiRpZCI6IjM5MSIsIkZvbnRTaXplIjoxMCwiRm9udE5hbWUiOiJDYWxpYnJpIiwiSXNCb2xkIjpmYWxzZSwiSXNJdGFsaWMiOmZhbHNlLCJJc1VuZGVybGluZWQiOmZhbHNlLCJQYXJlbnRTdHlsZSI6eyIkcmVmIjoiMTIyIn19LCJBdXRvU2l6ZSI6MCwiRm9yZWdyb3VuZCI6eyIkaWQiOiIzOTIiLCJDb2xvciI6eyIkaWQiOiIzOTM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wMCIsIkxpbmVDb2xvciI6bnVsbCwiTGluZVdlaWdodCI6MC4wLCJMaW5lVHlwZSI6MCwiUGFyZW50U3R5bGUiOm51bGx9LCJQYXJlbnRTdHlsZSI6eyIkcmVmIjoiODYifX0sIkR1cmF0aW9uU3R5bGUiOnsiJGlkIjoiNDAxIiwiRm9udFNldHRpbmdzIjp7IiRpZCI6IjQwMiIsIkZvbnRTaXplIjoxMCwiRm9udE5hbWUiOiJDYWxpYnJpIiwiSXNCb2xkIjpmYWxzZSwiSXNJdGFsaWMiOmZhbHNlLCJJc1VuZGVybGluZWQiOmZhbHNlLCJQYXJlbnRTdHlsZSI6eyIkcmVmIjoiOTQifX0sIkF1dG9TaXplIjowLCJGb3JlZ3JvdW5kIjp7IiRpZCI6IjQwMyIsIkNvbG9yIjp7IiRpZCI6IjQw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wNSIsIkxpbmVDb2xvciI6bnVsbCwiTGluZVdlaWdodCI6MC4wLCJMaW5lVHlwZSI6MCwiUGFyZW50U3R5bGUiOm51bGx9LCJQYXJlbnRTdHlsZSI6eyIkcmVmIjoiOTMifX0sIkhvcml6b250YWxDb25uZWN0b3JTdHlsZSI6eyIkaWQiOiI0MDYiLCJMaW5lQ29sb3IiOnsiJHJlZiI6IjEwMSJ9LCJMaW5lV2VpZ2h0IjowLjAsIkxpbmVUeXBlIjowLCJQYXJlbnRTdHlsZSI6eyIkcmVmIjoiMTAwIn19LCJWZXJ0aWNhbENvbm5lY3RvclN0eWxlIjp7IiRpZCI6IjQwNy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A4IiwiTWFyZ2luIjp7IiRyZWYiOiIxMDcifSwiUGFkZGluZyI6eyIkcmVmIjoiMTA4In0sIkJhY2tncm91bmQiOnsiJGlkIjoiNDA5IiwiQ29sb3IiOnsiJGlkIjoiNDEwIiwiQSI6MjU1LCJSIjo5OCwiRyI6MTgxLCJCIjoxMjN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eyIkcmVmIjoiMTA2In19LCJUaXRsZVN0eWxlIjp7IiRpZCI6IjQxNCIsIkZvbnRTZXR0aW5ncyI6eyIkaWQiOiI0MTUiLCJGb250U2l6ZSI6MTAsIkZvbnROYW1lIjoiQ2FsaWJyaSIsIklzQm9sZCI6dHJ1ZSwiSXNJdGFsaWMiOmZhbHNlLCJJc1VuZGVybGluZWQiOmZhbHNlLCJQYXJlbnRTdHlsZSI6eyIkcmVmIjoiMTE1In19LCJBdXRvU2l6ZSI6MCwiRm9yZWdyb3VuZCI6eyIkaWQiOiI0MTYiLCJDb2xvciI6eyIkaWQiOiI0MTciLCJBIjoyNTUsIlIiOjcyLCJHIjoxNTQsIkIiOjk3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E4IiwiTGluZUNvbG9yIjpudWxsLCJMaW5lV2VpZ2h0IjowLjAsIkxpbmVUeXBlIjowLCJQYXJlbnRTdHlsZSI6bnVsbH0sIlBhcmVudFN0eWxlIjp7IiRyZWYiOiIxMTQifX0sIkRhdGVTdHlsZSI6eyIkaWQiOiI0MTkiLCJGb250U2V0dGluZ3MiOnsiJGlkIjoiNDIwIiwiRm9udFNpemUiOjEwLCJGb250TmFtZSI6IkNhbGlicmkiLCJJc0JvbGQiOmZhbHNlLCJJc0l0YWxpYyI6ZmFsc2UsIklzVW5kZXJsaW5lZCI6ZmFsc2UsIlBhcmVudFN0eWxlIjp7IiRyZWYiOiIxMjIifX0sIkF1dG9TaXplIjowLCJGb3JlZ3JvdW5kIjp7IiRpZCI6IjQyMSIsIkNvbG9yIjp7IiRpZCI6IjQyMi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yOSIsIkxpbmVDb2xvciI6bnVsbCwiTGluZVdlaWdodCI6MC4wLCJMaW5lVHlwZSI6MCwiUGFyZW50U3R5bGUiOm51bGx9LCJQYXJlbnRTdHlsZSI6eyIkcmVmIjoiODYifX0sIkR1cmF0aW9uU3R5bGUiOnsiJGlkIjoiNDMwIiwiRm9udFNldHRpbmdzIjp7IiRpZCI6IjQzMSIsIkZvbnRTaXplIjoxMCwiRm9udE5hbWUiOiJDYWxpYnJpIiwiSXNCb2xkIjpmYWxzZSwiSXNJdGFsaWMiOmZhbHNlLCJJc1VuZGVybGluZWQiOmZhbHNlLCJQYXJlbnRTdHlsZSI6eyIkcmVmIjoiOTQifX0sIkF1dG9TaXplIjowLCJGb3JlZ3JvdW5kIjp7IiRpZCI6IjQzMiIsIkNvbG9yIjp7IiRpZCI6IjQz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zNCIsIkxpbmVDb2xvciI6bnVsbCwiTGluZVdlaWdodCI6MC4wLCJMaW5lVHlwZSI6MCwiUGFyZW50U3R5bGUiOm51bGx9LCJQYXJlbnRTdHlsZSI6eyIkcmVmIjoiOTMifX0sIkhvcml6b250YWxDb25uZWN0b3JTdHlsZSI6eyIkaWQiOiI0MzUiLCJMaW5lQ29sb3IiOnsiJHJlZiI6IjEwMSJ9LCJMaW5lV2VpZ2h0IjowLjAsIkxpbmVUeXBlIjowLCJQYXJlbnRTdHlsZSI6eyIkcmVmIjoiMTAwIn19LCJWZXJ0aWNhbENvbm5lY3RvclN0eWxlIjp7IiRpZCI6IjQzNi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Q3IiwiTGluZUNvbG9yIjpudWxsLCJMaW5lV2VpZ2h0IjowLjAsIkxpbmVUeXBlIjowLCJQYXJlbnRTdHlsZSI6bnVsbH0sIlBhcmVudFN0eWxlIjp7IiRyZWYiOiIxMTQifX0sIkRhdGVTdHlsZSI6eyIkaWQiOiI0NDgiLCJGb250U2V0dGluZ3MiOnsiJGlkIjoiNDQ5IiwiRm9udFNpemUiOjEwLCJGb250TmFtZSI6IkNhbGlicmkiLCJJc0JvbGQiOmZhbHNlLCJJc0l0YWxpYyI6ZmFsc2UsIklzVW5kZXJsaW5lZCI6ZmFsc2UsIlBhcmVudFN0eWxlIjp7IiRyZWYiOiIxMjIifX0sIkF1dG9TaXplIjowLCJGb3JlZ3JvdW5kIjp7IiRpZCI6IjQ1MCIsIkNvbG9yIjp7IiRpZCI6IjQ1MS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U3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isco DevNet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DevNet" id="{334C7F0E-413D-E045-8218-2B0D13C8A31E}" vid="{6D1C071B-2B84-C449-A45D-9DF74D5B1D6A}"/>
    </a:ext>
  </a:extLst>
</a:theme>
</file>

<file path=ppt/theme/theme2.xml><?xml version="1.0" encoding="utf-8"?>
<a:theme xmlns:a="http://schemas.openxmlformats.org/drawingml/2006/main" name="1_Cisco Corporate Template 2018 - DevNet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2018 - DevNet" id="{EC8FF9A2-13EC-5642-BA01-C30BBBA70B57}" vid="{3076C56B-7129-8940-870D-D31F56EB3976}"/>
    </a:ext>
  </a:extLst>
</a:theme>
</file>

<file path=ppt/theme/theme3.xml><?xml version="1.0" encoding="utf-8"?>
<a:theme xmlns:a="http://schemas.openxmlformats.org/drawingml/2006/main" name="1_Cisco Corporate Template 2017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2017" id="{AC841D0A-4F3A-404B-8CEF-ADBD58A305C1}" vid="{8D82013A-E1FC-864A-9872-47C049857E44}"/>
    </a:ext>
  </a:extLst>
</a:theme>
</file>

<file path=ppt/theme/theme4.xml><?xml version="1.0" encoding="utf-8"?>
<a:theme xmlns:a="http://schemas.openxmlformats.org/drawingml/2006/main" name="Blue theme 2018 16x9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2017_16x9_Corporate template_WST Lock Up" id="{A017039E-00F5-4237-B4C8-7E7F91EF4295}" vid="{94090727-8B40-4640-80B6-6B23D5758A3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Cisco White Template Colors_FINAL">
    <a:dk1>
      <a:srgbClr val="282828"/>
    </a:dk1>
    <a:lt1>
      <a:srgbClr val="005073"/>
    </a:lt1>
    <a:dk2>
      <a:srgbClr val="005073"/>
    </a:dk2>
    <a:lt2>
      <a:srgbClr val="FFFFFF"/>
    </a:lt2>
    <a:accent1>
      <a:srgbClr val="00BCEB"/>
    </a:accent1>
    <a:accent2>
      <a:srgbClr val="6EBE4A"/>
    </a:accent2>
    <a:accent3>
      <a:srgbClr val="005073"/>
    </a:accent3>
    <a:accent4>
      <a:srgbClr val="676767"/>
    </a:accent4>
    <a:accent5>
      <a:srgbClr val="FBAB18"/>
    </a:accent5>
    <a:accent6>
      <a:srgbClr val="E3241B"/>
    </a:accent6>
    <a:hlink>
      <a:srgbClr val="00BCEB"/>
    </a:hlink>
    <a:folHlink>
      <a:srgbClr val="005073"/>
    </a:folHlink>
  </a:clrScheme>
</a:themeOverride>
</file>

<file path=ppt/theme/themeOverride2.xml><?xml version="1.0" encoding="utf-8"?>
<a:themeOverride xmlns:a="http://schemas.openxmlformats.org/drawingml/2006/main">
  <a:clrScheme name="Cisco White Template Colors_FINAL">
    <a:dk1>
      <a:srgbClr val="282828"/>
    </a:dk1>
    <a:lt1>
      <a:srgbClr val="005073"/>
    </a:lt1>
    <a:dk2>
      <a:srgbClr val="005073"/>
    </a:dk2>
    <a:lt2>
      <a:srgbClr val="FFFFFF"/>
    </a:lt2>
    <a:accent1>
      <a:srgbClr val="00BCEB"/>
    </a:accent1>
    <a:accent2>
      <a:srgbClr val="6EBE4A"/>
    </a:accent2>
    <a:accent3>
      <a:srgbClr val="005073"/>
    </a:accent3>
    <a:accent4>
      <a:srgbClr val="676767"/>
    </a:accent4>
    <a:accent5>
      <a:srgbClr val="FBAB18"/>
    </a:accent5>
    <a:accent6>
      <a:srgbClr val="E3241B"/>
    </a:accent6>
    <a:hlink>
      <a:srgbClr val="00BCEB"/>
    </a:hlink>
    <a:folHlink>
      <a:srgbClr val="005073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Cisco DevNet</Template>
  <TotalTime>3273</TotalTime>
  <Words>501</Words>
  <Application>Microsoft Macintosh PowerPoint</Application>
  <PresentationFormat>Widescreen</PresentationFormat>
  <Paragraphs>124</Paragraphs>
  <Slides>16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6</vt:i4>
      </vt:variant>
    </vt:vector>
  </HeadingPairs>
  <TitlesOfParts>
    <vt:vector size="28" baseType="lpstr">
      <vt:lpstr>Arial Unicode MS</vt:lpstr>
      <vt:lpstr>Ciscolight</vt:lpstr>
      <vt:lpstr>Arial</vt:lpstr>
      <vt:lpstr>Calibri</vt:lpstr>
      <vt:lpstr>CiscoSansTT ExtraLight</vt:lpstr>
      <vt:lpstr>CiscoSansTT Light</vt:lpstr>
      <vt:lpstr>Courier New</vt:lpstr>
      <vt:lpstr>Wingdings</vt:lpstr>
      <vt:lpstr>Cisco DevNet</vt:lpstr>
      <vt:lpstr>1_Cisco Corporate Template 2018 - DevNet</vt:lpstr>
      <vt:lpstr>1_Cisco Corporate Template 2017</vt:lpstr>
      <vt:lpstr>Blue theme 2018 16x9</vt:lpstr>
      <vt:lpstr>DevNet Learning Forum</vt:lpstr>
      <vt:lpstr>Agenda</vt:lpstr>
      <vt:lpstr>To Know Each Other</vt:lpstr>
      <vt:lpstr>Self-intro in JSON</vt:lpstr>
      <vt:lpstr>Who’s Next?</vt:lpstr>
      <vt:lpstr>DevNet Incubation Plan</vt:lpstr>
      <vt:lpstr>DevNet Incubation</vt:lpstr>
      <vt:lpstr>DevNet Learning Forum</vt:lpstr>
      <vt:lpstr>DevNet Learning Forum</vt:lpstr>
      <vt:lpstr>About the Forum</vt:lpstr>
      <vt:lpstr>Slogan</vt:lpstr>
      <vt:lpstr>Speaker</vt:lpstr>
      <vt:lpstr>Agenda</vt:lpstr>
      <vt:lpstr>Get Started</vt:lpstr>
      <vt:lpstr>Let’s check it out! 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event Learning Forum</dc:title>
  <dc:creator>Frank Tan (qutan)</dc:creator>
  <cp:lastModifiedBy>Frank Tan (qutan)</cp:lastModifiedBy>
  <cp:revision>2</cp:revision>
  <dcterms:created xsi:type="dcterms:W3CDTF">2020-03-01T12:42:14Z</dcterms:created>
  <dcterms:modified xsi:type="dcterms:W3CDTF">2020-03-04T04:29:07Z</dcterms:modified>
</cp:coreProperties>
</file>